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1"/>
  </p:sldMasterIdLst>
  <p:notesMasterIdLst>
    <p:notesMasterId r:id="rId18"/>
  </p:notesMasterIdLst>
  <p:sldIdLst>
    <p:sldId id="256" r:id="rId12"/>
    <p:sldId id="680" r:id="rId13"/>
    <p:sldId id="681" r:id="rId14"/>
    <p:sldId id="682" r:id="rId15"/>
    <p:sldId id="684" r:id="rId16"/>
    <p:sldId id="683" r:id="rId17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565656"/>
    <a:srgbClr val="1F4A60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78378" autoAdjust="0"/>
  </p:normalViewPr>
  <p:slideViewPr>
    <p:cSldViewPr showGuides="1">
      <p:cViewPr varScale="1">
        <p:scale>
          <a:sx n="89" d="100"/>
          <a:sy n="89" d="100"/>
        </p:scale>
        <p:origin x="1434" y="9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10" Type="http://schemas.openxmlformats.org/officeDocument/2006/relationships/customXml" Target="../customXml/item10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20-05-2021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502154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Der er meget viden på området – mangler midler og et langsigtet og vedholdende fokus på området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da-DK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Vigtigtig, at der prioriteres i indsatserne så det ikke løber ud i sandet som det omfattende arbejde fra 2013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1665980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dirty="0"/>
              <a:t>Det er både mental sundhed og psykiske lidelser der er fokus på i denne plan – til forskel fra fx forarbejdet og handleplanen fra 2018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9369973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b="1" dirty="0"/>
              <a:t>Ift. Sektorovergange: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Der skal oprustet i kommunerne ift. kompetencer, rettigheder og viden i form af datagrundlaget så man har et tilsvarende niveau af viden kommunalt som regionalt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da-DK" b="1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da-DK" b="1" dirty="0" err="1"/>
              <a:t>Ift</a:t>
            </a:r>
            <a:r>
              <a:rPr lang="da-DK" b="1" dirty="0"/>
              <a:t> opgavefordeling: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Kommunernes opgaver er primært centreret omkring det psykosociale område, boligområdet, job- og arbejdsmarkedsområdet samt den primær forebyggelse – De mangler sundhedsfaglige kompetencer og fælles standarder ude i kommunerne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Regionerne har ansvaret for behandling af moderat til svær sygdom – fordi der mangler sundhedsfaglige kompetencer og fælles standarder kommunalt henvises borgere til psykiatrien, som ikke tilhører psykiatriens målgruppe. (Psykiatrien tilbageviser omkring 30 pct fordi de ikke hører til psykiatriens målgruppe.)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da-DK" b="1" dirty="0"/>
              <a:t>Ift. samarbejde og det nære sammenhængende sundhedsvæsen:</a:t>
            </a:r>
          </a:p>
          <a:p>
            <a:pPr marL="171450" lvl="0" indent="-171450">
              <a:buFont typeface="Arial" panose="020B0604020202020204" pitchFamily="34" charset="0"/>
              <a:buChar char="•"/>
            </a:pPr>
            <a:r>
              <a:rPr lang="da-DK" dirty="0"/>
              <a:t>Kommunerne leverer ikke sundhedsmæssig indsats ift. folk med psykisk sygdom, de leverer alene sociale indsatser. Det er regionerne, der levere de sundhedsfaglige indsatser i det nære og her har vi oprustet markant de sidste mange år. </a:t>
            </a:r>
          </a:p>
          <a:p>
            <a:pPr marL="171450" lvl="0" indent="-171450">
              <a:buFont typeface="Arial" panose="020B0604020202020204" pitchFamily="34" charset="0"/>
              <a:buChar char="•"/>
            </a:pPr>
            <a:r>
              <a:rPr lang="da-DK" dirty="0"/>
              <a:t>Der er meget vi kan gøre selv, og som vi gør selv. Eksempler herpå er F-ACT Teams, OPUS, Akutteams mv.  Noget foregår i samarbejde med de kommunale instanser som fx Botilbud teams og ift. patienter med samtidigt misbrug som fx Specialambulatoriet, APU og modelcelle. </a:t>
            </a:r>
          </a:p>
          <a:p>
            <a:pPr marL="628650" lvl="1" indent="-171450">
              <a:buFont typeface="Arial" panose="020B0604020202020204" pitchFamily="34" charset="0"/>
              <a:buChar char="•"/>
            </a:pPr>
            <a:endParaRPr lang="da-DK" b="1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b="1" dirty="0"/>
              <a:t>Opgaven fremadrettet: </a:t>
            </a:r>
            <a:r>
              <a:rPr lang="da-DK" dirty="0"/>
              <a:t>Sikre og understøtte at begge sektorer udfylder sit ansvarsområde på højt niveau.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da-DK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da-DK" b="1" dirty="0"/>
              <a:t>Ift. børn og unge: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dirty="0"/>
              <a:t>Udfordring ift. at målgruppen for PPR er snæver</a:t>
            </a:r>
          </a:p>
          <a:p>
            <a:pPr marL="171450" lvl="0" indent="-171450">
              <a:buFont typeface="Arial" panose="020B0604020202020204" pitchFamily="34" charset="0"/>
              <a:buChar char="•"/>
            </a:pPr>
            <a:r>
              <a:rPr lang="da-DK" dirty="0"/>
              <a:t>Opmærksomhed på, hvad det er for nogle værktøjer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3745954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1270597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763610523" name="image" descr="{&quot;templafy&quot;:{&quot;id&quot;:&quot;0c7628eb-55de-48d9-9b51-106765499d7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487295565" name="image" descr="{&quot;templafy&quot;:{&quot;id&quot;:&quot;71c41d26-9f12-4464-a9fb-eabbbfa5dac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446ad4ae-1396-4810-b6d5-841d3697bb7e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d348d312-ea4b-49e0-82c5-b86e916f4530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79918567" name="image" descr="{&quot;templafy&quot;:{&quot;id&quot;:&quot;f7eaadd5-a341-4f89-b431-9f3acebaef8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101906507" name="image" descr="{&quot;templafy&quot;:{&quot;id&quot;:&quot;26119518-eb80-438b-84d9-6a17171593d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93771142" name="image" descr="{&quot;templafy&quot;:{&quot;id&quot;:&quot;719dbf85-b0b6-4c05-bd0e-49f7a0f1135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1b013e05-299d-496d-ba00-58b1079b65c5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29" name="text" descr="{&quot;templafy&quot;:{&quot;id&quot;:&quot;249e917c-754b-406a-8bfa-13cff669352c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7c4d611d-0024-4a32-942a-bbca4e626cd7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31" name="text" descr="{&quot;templafy&quot;:{&quot;id&quot;:&quot;69813013-aec5-4bf4-a206-a874a4b135ec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133941716" name="image" descr="{&quot;templafy&quot;:{&quot;id&quot;:&quot;ea83133c-de60-4bf7-9e6a-a16a0ee1fb1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175430928" name="image" descr="{&quot;templafy&quot;:{&quot;id&quot;:&quot;d436ee2b-044e-41fd-bb65-4e77a283856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1956992508" name="image" descr="{&quot;templafy&quot;:{&quot;id&quot;:&quot;7232f0ec-2316-45c2-8e46-f1d4d2c688c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7233d392-fd7f-4cb5-9070-21b414c7b19a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0" name="text" descr="{&quot;templafy&quot;:{&quot;id&quot;:&quot;d68d9d28-1452-4772-ac41-5c46c07c5641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c959fcaf-9a74-406b-9187-ff8e05d3474a&quot;}}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12" name="text" descr="{&quot;templafy&quot;:{&quot;id&quot;:&quot;cbecb81e-6ace-4758-82c6-f2db0c1bae93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22861174" name="image" descr="{&quot;templafy&quot;:{&quot;id&quot;:&quot;b14cb6fa-605f-4087-802b-0c1b6b577d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676788191" name="image" descr="{&quot;templafy&quot;:{&quot;id&quot;:&quot;a4a9e568-09c1-40e7-85a1-b0a40a02592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310817322" name="image" descr="{&quot;templafy&quot;:{&quot;id&quot;:&quot;53e7c67f-776b-46b3-ae11-7eaf30e1a12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31289260" name="image" descr="{&quot;templafy&quot;:{&quot;id&quot;:&quot;34fc1151-1993-4800-bbba-9055cd15856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2077606" name="image" descr="{&quot;templafy&quot;:{&quot;id&quot;:&quot;4b5a62ab-d062-4869-83ad-e954f212fdd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5267a365-7780-4847-9bc1-f749841914a9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27" name="text" descr="{&quot;templafy&quot;:{&quot;id&quot;:&quot;58b888e5-941c-4ebf-aff2-1146c344a7d0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179957485" name="image" descr="{&quot;templafy&quot;:{&quot;id&quot;:&quot;848491e4-0aaf-4df7-9e50-23a724b53f8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f4c3ca19-3c66-478e-8f01-c5b161d60af3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5" name="text" descr="{&quot;templafy&quot;:{&quot;id&quot;:&quot;69844017-42b0-4958-8491-661099df0f24&quot;}}" hidden="1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6" name="text" descr="{&quot;templafy&quot;:{&quot;id&quot;:&quot;dd765c6a-9a3c-463f-ab6b-4bc7ff3d8163&quot;}}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18" name="text" descr="{&quot;templafy&quot;:{&quot;id&quot;:&quot;8df8c01f-f8af-4231-8422-10d328ab3072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75700367" name="image" descr="{&quot;templafy&quot;:{&quot;id&quot;:&quot;e1b99ea5-f6c4-458a-8e4e-a9b3a5a10ef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396883454" name="image" descr="{&quot;templafy&quot;:{&quot;id&quot;:&quot;4600bac0-e313-4c6a-9ba2-e2000c08b48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029234867" name="image" descr="{&quot;templafy&quot;:{&quot;id&quot;:&quot;f5b95673-f15b-4917-98eb-0374a3dfc4b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464229802" name="image" descr="{&quot;templafy&quot;:{&quot;id&quot;:&quot;2420d70d-8d8f-4bf1-a30c-c8510203122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71943982" name="image" descr="{&quot;templafy&quot;:{&quot;id&quot;:&quot;4ca160b6-da6f-49c3-9bde-bcbd54cf286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0" name="text" descr="{&quot;templafy&quot;:{&quot;id&quot;:&quot;2453cc50-166c-43eb-a6ad-f9d5c1691787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21" name="text" descr="{&quot;templafy&quot;:{&quot;id&quot;:&quot;17fbc6ed-b701-40d7-868e-01e8e82f784a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182305440" name="image" descr="{&quot;templafy&quot;:{&quot;id&quot;:&quot;4366b039-0fb8-47f1-98ae-89a1c7663d5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870930209" name="image" descr="{&quot;templafy&quot;:{&quot;id&quot;:&quot;8bfd71a8-31bf-4991-8623-566d277f5a5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b08390da-997d-4d8d-8702-671e807b3cc7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egion Hovedstadens Psykiatri</a:t>
            </a:r>
          </a:p>
        </p:txBody>
      </p:sp>
      <p:sp>
        <p:nvSpPr>
          <p:cNvPr id="17" name="text" descr="{&quot;templafy&quot;:{&quot;id&quot;:&quot;94b58d54-816b-4407-ab77-bf3f7fe72218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af4e8a02-f53f-4e8c-8f85-e961ae07877b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22" name="text" descr="{&quot;templafy&quot;:{&quot;id&quot;:&quot;63fb2cd1-69e1-46c5-aeab-c924792f517c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132243752" name="image" descr="{&quot;templafy&quot;:{&quot;id&quot;:&quot;919e9ccb-f993-4011-bcfb-ab786ea962f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100154455" name="image" descr="{&quot;templafy&quot;:{&quot;id&quot;:&quot;40beffba-9087-4b3f-9cec-61434f5a94d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99e704b6-2d2b-4844-9559-992cc3cc64ef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Marie Maul</a:t>
            </a:r>
          </a:p>
        </p:txBody>
      </p:sp>
      <p:sp>
        <p:nvSpPr>
          <p:cNvPr id="30" name="text" descr="{&quot;templafy&quot;:{&quot;id&quot;:&quot;136349f4-0213-4f93-b991-1b6af431942e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2145988502" name="image" descr="{&quot;templafy&quot;:{&quot;id&quot;:&quot;cb94f19f-4381-47de-b8cb-f46b3492a30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761913437" name="image" descr="{&quot;templafy&quot;:{&quot;id&quot;:&quot;9d081cfb-6b18-41be-8617-faad7b7e241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8108"/>
            <a:ext cx="116417" cy="594784"/>
          </a:xfrm>
          <a:prstGeom prst="rect">
            <a:avLst/>
          </a:prstGeom>
        </p:spPr>
      </p:pic>
      <p:pic>
        <p:nvPicPr>
          <p:cNvPr id="1970953608" name="image" descr="{&quot;templafy&quot;:{&quot;id&quot;:&quot;f246a7b0-f85f-498d-b42e-8ddedb3739b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7e017ca4-f6cd-4de1-9d8f-a3614b072066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s Psykiatri</a:t>
            </a:r>
          </a:p>
        </p:txBody>
      </p:sp>
      <p:sp>
        <p:nvSpPr>
          <p:cNvPr id="17" name="text" descr="{&quot;templafy&quot;:{&quot;id&quot;:&quot;5d032e62-239b-4b40-95ec-bf6e583ed6c2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4ca592b2-55ac-4144-aa94-f1e6f8e5ff8c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Sekretariatsafdelingen</a:t>
            </a:r>
          </a:p>
        </p:txBody>
      </p:sp>
      <p:sp>
        <p:nvSpPr>
          <p:cNvPr id="22" name="text" descr="{&quot;templafy&quot;:{&quot;id&quot;:&quot;110e5e64-7d70-40b6-8913-0e9697982e95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273534585" name="image" descr="{&quot;templafy&quot;:{&quot;id&quot;:&quot;ca95ea66-b1b7-4d20-9de4-3623d640c34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18332442" name="image" descr="{&quot;templafy&quot;:{&quot;id&quot;:&quot;fb666002-047f-48ad-b724-fd803c3f2ec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e3b42998-ad37-4475-8add-a2d8f7437828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Marie Maul</a:t>
            </a:r>
          </a:p>
        </p:txBody>
      </p:sp>
      <p:sp>
        <p:nvSpPr>
          <p:cNvPr id="30" name="text" descr="{&quot;templafy&quot;:{&quot;id&quot;:&quot;953094f9-2cf5-4800-953d-290d1b3e41c8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1042750646" name="image" descr="{&quot;templafy&quot;:{&quot;id&quot;:&quot;cf05ff43-539f-4848-8e81-ab83d88fcda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833311607" name="image" descr="{&quot;templafy&quot;:{&quot;id&quot;:&quot;83a56a1e-1f53-4c66-a5c1-d17a8de53c5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685050753" name="image" descr="{&quot;templafy&quot;:{&quot;id&quot;:&quot;ca2efe67-d536-455d-9a5f-5e33d89074f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939557156" name="image" descr="{&quot;templafy&quot;:{&quot;id&quot;:&quot;f48e5ec1-e5b1-4a63-990d-8965528b74c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151811800" name="image" descr="{&quot;templafy&quot;:{&quot;id&quot;:&quot;ca3cf02c-a491-442a-b163-746a5594781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598182180" name="image" descr="{&quot;templafy&quot;:{&quot;id&quot;:&quot;9599fb54-9a74-43a8-9e81-756d7ea73a8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7413edb1-2f38-4cdb-8164-00be6a558281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2" name="text" descr="{&quot;templafy&quot;:{&quot;id&quot;:&quot;fa6ca678-056d-4ebf-8f54-dc8220418703&quot;}}" hidden="1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9ef26406-4784-4d4e-9dcf-196771257720&quot;}}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14" name="text" descr="{&quot;templafy&quot;:{&quot;id&quot;:&quot;d1aa6baf-4116-4204-a29e-46058e97d2e6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260272395" name="image" descr="{&quot;templafy&quot;:{&quot;id&quot;:&quot;2bf52856-7372-4f0f-8527-09350d7f5e4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717861123" name="image" descr="{&quot;templafy&quot;:{&quot;id&quot;:&quot;ed23f98b-0f33-41cd-a70a-b42c7061121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411406792" name="image" descr="{&quot;templafy&quot;:{&quot;id&quot;:&quot;4df18dbd-1a2f-4d9f-b18f-0503238b904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7" name="text" descr="{&quot;templafy&quot;:{&quot;id&quot;:&quot;58056ef6-f860-42bf-84fe-374c5ad03fff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18" name="text" descr="{&quot;templafy&quot;:{&quot;id&quot;:&quot;225879a7-3705-48a0-a511-756ec5260a2c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089909798" name="image" descr="{&quot;templafy&quot;:{&quot;id&quot;:&quot;69abb59e-5bd5-4599-816d-7b8bf87c78f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922231655" name="image" descr="{&quot;templafy&quot;:{&quot;id&quot;:&quot;7c1f33e8-37fc-46ce-b751-5c439b3321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1926189129" name="image" descr="{&quot;templafy&quot;:{&quot;id&quot;:&quot;4b0ef3d4-b834-42e8-88de-00e9ccfcbe7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10553570" name="image" descr="{&quot;templafy&quot;:{&quot;id&quot;:&quot;2ab4853f-56ba-4e05-b226-5e4f820891c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f303a6d0-03f9-4be8-88db-c0c8f9395ce3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s Psykiatri</a:t>
            </a:r>
          </a:p>
        </p:txBody>
      </p:sp>
      <p:sp>
        <p:nvSpPr>
          <p:cNvPr id="27" name="text" descr="{&quot;templafy&quot;:{&quot;id&quot;:&quot;0f60d9ec-b51c-4ec3-9a31-6185d9e19128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8" name="text" descr="{&quot;templafy&quot;:{&quot;id&quot;:&quot;3aa74c06-9a95-477a-8ee1-381c92eb108c&quot;}}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Sekretariatsafdelingen</a:t>
            </a:r>
          </a:p>
        </p:txBody>
      </p:sp>
      <p:sp>
        <p:nvSpPr>
          <p:cNvPr id="36" name="text" descr="{&quot;templafy&quot;:{&quot;id&quot;:&quot;2bccb364-6bdd-46d6-b5c3-6e643b33522c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1323031" name="image" descr="{&quot;templafy&quot;:{&quot;id&quot;:&quot;6e70233f-5599-4609-a6d2-eafc9458700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649040108" name="image" descr="{&quot;templafy&quot;:{&quot;id&quot;:&quot;bbfb6935-ba02-44d9-986c-cfbcced1e2f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51bf5c3c-9c4d-4126-8aa5-53758def6611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30" name="text" descr="{&quot;templafy&quot;:{&quot;id&quot;:&quot;869ba100-da58-416d-9b89-0fb4dceae5ff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65419974" name="image" descr="{&quot;templafy&quot;:{&quot;id&quot;:&quot;9d447cf4-7906-4557-b8b9-94cdcaf37e3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911079952" name="image" descr="{&quot;templafy&quot;:{&quot;id&quot;:&quot;76563229-bf5c-4ac4-af39-3804b1d472e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729003586" name="image" descr="{&quot;templafy&quot;:{&quot;id&quot;:&quot;7977d043-7111-48bd-83df-1814e826ce3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697eda80-1fc6-483c-bad8-415373f6c965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504fa1bd-9257-4cb4-b88a-b95466244d1e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503727722" name="image" descr="{&quot;templafy&quot;:{&quot;id&quot;:&quot;9430049a-aaf4-45a5-b9f1-468b7d135dd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616041602" name="image" descr="{&quot;templafy&quot;:{&quot;id&quot;:&quot;16e4746b-2e41-483f-8b24-bdd7a272bd0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032216377" name="image" descr="{&quot;templafy&quot;:{&quot;id&quot;:&quot;e0f1f20b-a0cb-4852-91c3-387df576f2c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143ca034-40e7-498a-9b80-3803b8da44c6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29" name="text" descr="{&quot;templafy&quot;:{&quot;id&quot;:&quot;6e99a182-6329-4f71-9fbe-234b85027987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9a45eabb-b1d3-40fd-924a-c84f7565299c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31" name="text" descr="{&quot;templafy&quot;:{&quot;id&quot;:&quot;5b60bec9-fb0d-4662-b946-100842ca7893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52682916" name="image" descr="{&quot;templafy&quot;:{&quot;id&quot;:&quot;0de942b5-d13e-44a1-a6e8-02ac9f9bd17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15223582" name="image" descr="{&quot;templafy&quot;:{&quot;id&quot;:&quot;3e4491be-762c-4526-a67c-7dc690a6393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808290246" name="image" descr="{&quot;templafy&quot;:{&quot;id&quot;:&quot;226fbd33-5834-4534-ae80-ec07ba2fb05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378245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0362bcda-d6a5-4ab9-a730-13dd7dfd8d48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7" name="text" descr="{&quot;templafy&quot;:{&quot;id&quot;:&quot;71f32f30-2f98-45c4-872f-f1f478b73564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8" name="text" descr="{&quot;templafy&quot;:{&quot;id&quot;:&quot;8242a9e2-47fd-4667-ba71-6604c5ef1608&quot;}}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9" name="text" descr="{&quot;templafy&quot;:{&quot;id&quot;:&quot;9fa9ff2f-1b35-4048-9e23-1b6949eb3359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17598063" name="image" descr="{&quot;templafy&quot;:{&quot;id&quot;:&quot;7fb204b7-264e-44b0-bc45-a7083e891cf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794899783" name="image" descr="{&quot;templafy&quot;:{&quot;id&quot;:&quot;0196425b-f196-480c-b442-bdd6ce51a40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950152704" name="image" descr="{&quot;templafy&quot;:{&quot;id&quot;:&quot;85adbd70-72f3-4164-8a9c-f4ba5d419b3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531388398" name="image" descr="{&quot;templafy&quot;:{&quot;id&quot;:&quot;e91fb2ff-3911-4dfe-9cbe-ef441c31433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31151420" name="image" descr="{&quot;templafy&quot;:{&quot;id&quot;:&quot;7c63978f-8c51-470f-978a-6b2ff02c1e4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2" name="text" descr="{&quot;templafy&quot;:{&quot;id&quot;:&quot;0413b9e4-4527-4c9f-95f6-21a4429f1fa7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23" name="text" descr="{&quot;templafy&quot;:{&quot;id&quot;:&quot;d7b0f671-d62d-4895-a46e-d3ea453ee564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378557257" name="image" descr="{&quot;templafy&quot;:{&quot;id&quot;:&quot;bfc5a2a1-7c70-46a2-bb5b-a8ca96a3356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032368451" name="image" descr="{&quot;templafy&quot;:{&quot;id&quot;:&quot;60502fdf-9d58-41d3-bc93-68e6e82f4bd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866e9a0e-821e-4c19-aec0-e742a92eefd6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egion Hovedstadens Psykiatri</a:t>
            </a:r>
          </a:p>
        </p:txBody>
      </p:sp>
      <p:sp>
        <p:nvSpPr>
          <p:cNvPr id="17" name="text" descr="{&quot;templafy&quot;:{&quot;id&quot;:&quot;4b17f204-93b9-4153-9a74-ce5bfa6a37a2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94a2e381-4ef5-4f56-8003-0463506b8ff1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22" name="text" descr="{&quot;templafy&quot;:{&quot;id&quot;:&quot;115fb91e-d8f4-4687-b835-b9d7e7b5ce9e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290779564" name="image" descr="{&quot;templafy&quot;:{&quot;id&quot;:&quot;07d6a404-3dfe-4d36-bbcc-d7c16c8b9e4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204443263" name="image" descr="{&quot;templafy&quot;:{&quot;id&quot;:&quot;c8709d57-73be-4a67-820e-cadbbd5cd80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0006aa29-55f1-4a65-b5f1-0edc1376a1c1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Marie Maul</a:t>
            </a:r>
          </a:p>
        </p:txBody>
      </p:sp>
      <p:sp>
        <p:nvSpPr>
          <p:cNvPr id="30" name="text" descr="{&quot;templafy&quot;:{&quot;id&quot;:&quot;74a4b897-45bb-4cf2-a366-50cca912a51e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4202862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1842982928" name="image" descr="{&quot;templafy&quot;:{&quot;id&quot;:&quot;20542744-7dc9-4f77-9af6-c031b27f739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496316329" name="image" descr="{&quot;templafy&quot;:{&quot;id&quot;:&quot;48f66deb-f5a2-42e1-8262-e51c66ed5d6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572306956" name="image" descr="{&quot;templafy&quot;:{&quot;id&quot;:&quot;24a2ecbe-6b4f-4a2d-af91-2ee2d5587a4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55697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f3c4c311-32ec-4219-ad92-39e5486bb148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1" name="text" descr="{&quot;templafy&quot;:{&quot;id&quot;:&quot;a2cbbb5a-c5f6-4ac0-bd04-18ddcec0063b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afd847e4-747a-4bce-a473-f99e1c6055ed&quot;}}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13" name="text" descr="{&quot;templafy&quot;:{&quot;id&quot;:&quot;d543942e-fe39-4a2b-9141-100cb0245def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25313784" name="image" descr="{&quot;templafy&quot;:{&quot;id&quot;:&quot;2ed24133-4905-4daf-98c5-28f74158969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80837209" name="image" descr="{&quot;templafy&quot;:{&quot;id&quot;:&quot;07b609fd-0bd6-45de-863c-9170ae54280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165428343" name="image" descr="{&quot;templafy&quot;:{&quot;id&quot;:&quot;2338af42-a313-44a7-979a-34f5334c696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294241373" name="image" descr="{&quot;templafy&quot;:{&quot;id&quot;:&quot;2a0cdc8b-a866-4efe-acca-9ca930e20a2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75029730" name="image" descr="{&quot;templafy&quot;:{&quot;id&quot;:&quot;496dadf6-4d78-45b9-a0b0-25ca7f75ebd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1f981b4c-0648-40c0-8a47-a11ab4fa2b84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27" name="text" descr="{&quot;templafy&quot;:{&quot;id&quot;:&quot;4b8c25c4-6202-4f51-a574-d9ed300a626b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94862481" name="image" descr="{&quot;templafy&quot;:{&quot;id&quot;:&quot;b6554ed2-4d0f-4a00-b3c9-98302a95c06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1d47b9af-fc00-4210-a4fa-fe4ba0310c13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0" name="text" descr="{&quot;templafy&quot;:{&quot;id&quot;:&quot;db58de6c-d690-4934-a71f-93fbb486e7be&quot;}}" hidden="1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9fd4c29a-9bd3-4fd4-82db-4199d1ad79fc&quot;}}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13" name="text" descr="{&quot;templafy&quot;:{&quot;id&quot;:&quot;0d6cee88-f277-4206-8010-c79126a33517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59936796" name="image" descr="{&quot;templafy&quot;:{&quot;id&quot;:&quot;bbc5cfe5-ad90-4071-a474-157dd484bb0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056784550" name="image" descr="{&quot;templafy&quot;:{&quot;id&quot;:&quot;952318ef-860d-47a2-b720-6a856813a20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603838126" name="image" descr="{&quot;templafy&quot;:{&quot;id&quot;:&quot;2d2cebb5-4469-4523-b9d8-405642d3639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696639057" name="image" descr="{&quot;templafy&quot;:{&quot;id&quot;:&quot;44a6b364-9d34-49e3-a682-71021c92807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601800567" name="image" descr="{&quot;templafy&quot;:{&quot;id&quot;:&quot;c52f0de9-99f6-4ada-b069-2663f7966e2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ae9dbde8-e4a8-40a1-a676-bd358c489d39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26" name="text" descr="{&quot;templafy&quot;:{&quot;id&quot;:&quot;0a112f3e-75e7-4d0c-8137-3fcee7a8b7df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843256098" name="image" descr="{&quot;templafy&quot;:{&quot;id&quot;:&quot;afa6b778-affd-4156-a0ed-edfbad2eb78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b8bd16d5-0d24-4c1c-a633-bc26b555fbfc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9" name="text" descr="{&quot;templafy&quot;:{&quot;id&quot;:&quot;515c6686-2135-4f22-be17-ba6b6af136c7&quot;}}" hidden="1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0" name="text" descr="{&quot;templafy&quot;:{&quot;id&quot;:&quot;23655a67-fa08-4fa4-8086-3041c87e4341&quot;}}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12" name="text" descr="{&quot;templafy&quot;:{&quot;id&quot;:&quot;9091aad9-142a-42d4-b718-cab7aec8cbc3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19373171" name="image" descr="{&quot;templafy&quot;:{&quot;id&quot;:&quot;01b50187-db73-42e3-b79b-fcbac00db55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013952124" name="image" descr="{&quot;templafy&quot;:{&quot;id&quot;:&quot;6296edd8-7c84-436b-adfa-4e71236d791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912392405" name="image" descr="{&quot;templafy&quot;:{&quot;id&quot;:&quot;a21db87e-df1e-424b-b476-b98242a22e6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631211051" name="image" descr="{&quot;templafy&quot;:{&quot;id&quot;:&quot;02bac7f2-a7a4-4786-bd48-d5309ac805d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78655946" name="image" descr="{&quot;templafy&quot;:{&quot;id&quot;:&quot;c4544215-111c-42b5-8426-745aee75446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4498b1f2-99b5-43c3-a9e1-9050904de61d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26" name="text" descr="{&quot;templafy&quot;:{&quot;id&quot;:&quot;4fe919f8-412a-47b7-80a7-6a6753a95948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77237633" name="image" descr="{&quot;templafy&quot;:{&quot;id&quot;:&quot;4317b70a-8664-43df-9f27-c63b0833440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fb3ab32c-7ed1-41d0-9591-5f7fad41c9b8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0" name="text" descr="{&quot;templafy&quot;:{&quot;id&quot;:&quot;7a257406-39bb-4efb-9743-68dce5140dbf&quot;}}" hidden="1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ae76f338-aa61-4f78-b01e-ead776ffab2d&quot;}}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14" name="text" descr="{&quot;templafy&quot;:{&quot;id&quot;:&quot;fa43e4b4-e25a-4c84-90ff-a3b96bc46a09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450599928" name="image" descr="{&quot;templafy&quot;:{&quot;id&quot;:&quot;e5207ce6-c3b9-4228-8e0a-596256535b0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246912181" name="image" descr="{&quot;templafy&quot;:{&quot;id&quot;:&quot;36ec8463-71a6-41b6-8317-4eeb1681021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59543073" name="image" descr="{&quot;templafy&quot;:{&quot;id&quot;:&quot;82bd11e3-6d6c-4cbd-b287-d931cb0fc72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410835578" name="image" descr="{&quot;templafy&quot;:{&quot;id&quot;:&quot;252c98c7-d100-4ca0-b7ea-d35f186dadb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996243993" name="image" descr="{&quot;templafy&quot;:{&quot;id&quot;:&quot;4d92c0fd-b005-4844-ba26-fb1f8a620db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87fdda3d-2032-435a-a7be-84ce9cc21836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29" name="text" descr="{&quot;templafy&quot;:{&quot;id&quot;:&quot;8c6bb74e-51d5-4d4b-a0c3-d5b787f7ca4a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0188448" name="image" descr="{&quot;templafy&quot;:{&quot;id&quot;:&quot;1a948f27-b87c-479d-9930-6f57f9b5628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fba4d398-4085-4b8f-b6a2-300afeeedcb5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0" name="text" descr="{&quot;templafy&quot;:{&quot;id&quot;:&quot;32f6d567-4e7a-43f2-b8c8-c1430c338314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580c1b45-ae8c-4a83-ac1e-4eb9c4483fed&quot;}}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Sekretariatsafdelingen</a:t>
            </a:r>
          </a:p>
        </p:txBody>
      </p:sp>
      <p:sp>
        <p:nvSpPr>
          <p:cNvPr id="12" name="text" descr="{&quot;templafy&quot;:{&quot;id&quot;:&quot;9357bfe7-3fb0-417b-aec1-0c0374a55cc7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449349445" name="image" descr="{&quot;templafy&quot;:{&quot;id&quot;:&quot;14ceb02d-e8cb-45e5-a460-42bb5d6398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621976502" name="image" descr="{&quot;templafy&quot;:{&quot;id&quot;:&quot;38587749-23c1-4d4e-98e9-d15e5109899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369153041" name="image" descr="{&quot;templafy&quot;:{&quot;id&quot;:&quot;47f95670-5243-4481-b2fe-893f6e0e406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066140986" name="image" descr="{&quot;templafy&quot;:{&quot;id&quot;:&quot;095dec7a-7768-4d8a-aeb1-375573cbdf5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001779049" name="image" descr="{&quot;templafy&quot;:{&quot;id&quot;:&quot;b59f5f38-a41f-4741-95e0-9601137f3a1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5f6fbc67-d8f8-4628-aa4a-39920711a833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rie Maul</a:t>
            </a:r>
          </a:p>
        </p:txBody>
      </p:sp>
      <p:sp>
        <p:nvSpPr>
          <p:cNvPr id="26" name="text" descr="{&quot;templafy&quot;:{&quot;id&quot;:&quot;792ba6ea-73b7-4487-8772-42b878567b36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3303219" name="image" descr="{&quot;templafy&quot;:{&quot;id&quot;:&quot;ddecd6e2-e657-479b-bc57-ced27fe178d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1595c593-e487-48ea-be20-0ade6cc49080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0" r:id="rId2"/>
    <p:sldLayoutId id="2147483650" r:id="rId3"/>
    <p:sldLayoutId id="2147483674" r:id="rId4"/>
    <p:sldLayoutId id="2147483659" r:id="rId5"/>
    <p:sldLayoutId id="2147483660" r:id="rId6"/>
    <p:sldLayoutId id="2147483664" r:id="rId7"/>
    <p:sldLayoutId id="2147483665" r:id="rId8"/>
    <p:sldLayoutId id="2147483662" r:id="rId9"/>
    <p:sldLayoutId id="2147483668" r:id="rId10"/>
    <p:sldLayoutId id="2147483669" r:id="rId11"/>
    <p:sldLayoutId id="2147483658" r:id="rId12"/>
    <p:sldLayoutId id="2147483672" r:id="rId13"/>
    <p:sldLayoutId id="2147483655" r:id="rId14"/>
    <p:sldLayoutId id="2147483663" r:id="rId15"/>
    <p:sldLayoutId id="2147483667" r:id="rId16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Relationship Id="rId4" Type="http://schemas.microsoft.com/office/2007/relationships/hdphoto" Target="../media/hdphoto1.wdp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17.jpe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jpg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6DB2B93-4E3F-4F81-AAFD-935E4AB31E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tatus på arbejdet med 10-årsplan for mental sundhed og psykiske lidelser</a:t>
            </a:r>
            <a:br>
              <a:rPr lang="da-DK" dirty="0"/>
            </a:br>
            <a:endParaRPr lang="da-DK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971C0FE-1518-416D-AB32-0FA49CED55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Psykiatridirektør Martin Lund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4113D448-73A0-4BC9-8597-D1F40BB5D4B2}"/>
              </a:ext>
            </a:extLst>
          </p:cNvPr>
          <p:cNvSpPr txBox="1"/>
          <p:nvPr/>
        </p:nvSpPr>
        <p:spPr>
          <a:xfrm>
            <a:off x="10488488" y="6093296"/>
            <a:ext cx="936104" cy="504056"/>
          </a:xfrm>
          <a:prstGeom prst="rect">
            <a:avLst/>
          </a:prstGeom>
          <a:solidFill>
            <a:schemeClr val="tx2"/>
          </a:solidFill>
        </p:spPr>
        <p:txBody>
          <a:bodyPr wrap="square" lIns="0" tIns="0" rIns="0" bIns="0" rtlCol="0">
            <a:noAutofit/>
          </a:bodyPr>
          <a:lstStyle/>
          <a:p>
            <a:endParaRPr lang="da-DK" dirty="0" err="1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1244998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DD1A121E-1DD8-49FA-BAC6-3FACBD885DA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8F3C111D-13A0-4E95-938E-79A46D7466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DB81019-717E-4E12-A2A1-5D585B640D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1F0AA13E-8C18-4E90-8AE8-74AFCB8D29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3914" y="435678"/>
            <a:ext cx="10137524" cy="828000"/>
          </a:xfrm>
        </p:spPr>
        <p:txBody>
          <a:bodyPr/>
          <a:lstStyle/>
          <a:p>
            <a:r>
              <a:rPr lang="da-DK" dirty="0"/>
              <a:t>Længe ventet… 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50ADAFF0-0A23-4124-B9F9-2E13203ECF1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backgroundRemoval t="5822" b="97146" l="5802" r="94198">
                        <a14:foregroundMark x1="125" y1="1142" x2="1310" y2="36872"/>
                        <a14:foregroundMark x1="1310" y1="36872" x2="7299" y2="54452"/>
                        <a14:foregroundMark x1="7299" y1="54452" x2="23643" y2="74658"/>
                        <a14:foregroundMark x1="23643" y1="74658" x2="51965" y2="86986"/>
                        <a14:foregroundMark x1="51965" y1="86986" x2="76232" y2="90639"/>
                        <a14:foregroundMark x1="76232" y1="90639" x2="83094" y2="89384"/>
                        <a14:foregroundMark x1="83094" y1="89384" x2="88522" y2="85274"/>
                        <a14:foregroundMark x1="88522" y1="85274" x2="93075" y2="65639"/>
                        <a14:foregroundMark x1="93075" y1="65639" x2="94011" y2="31735"/>
                        <a14:foregroundMark x1="94011" y1="31735" x2="91703" y2="19635"/>
                        <a14:foregroundMark x1="91703" y1="19635" x2="87835" y2="11758"/>
                        <a14:foregroundMark x1="87835" y1="11758" x2="82283" y2="6735"/>
                        <a14:foregroundMark x1="82283" y1="6735" x2="811" y2="14269"/>
                        <a14:foregroundMark x1="811" y1="14269" x2="9295" y2="8105"/>
                        <a14:foregroundMark x1="9295" y1="8105" x2="51591" y2="4680"/>
                        <a14:foregroundMark x1="51591" y1="4680" x2="56706" y2="5023"/>
                        <a14:foregroundMark x1="56706" y1="5023" x2="71117" y2="4566"/>
                        <a14:foregroundMark x1="71117" y1="4566" x2="89707" y2="13128"/>
                        <a14:foregroundMark x1="89707" y1="13128" x2="92888" y2="24087"/>
                        <a14:foregroundMark x1="92888" y1="24087" x2="91890" y2="57192"/>
                        <a14:foregroundMark x1="91890" y1="57192" x2="82720" y2="80365"/>
                        <a14:foregroundMark x1="82720" y1="80365" x2="72364" y2="97603"/>
                        <a14:foregroundMark x1="72364" y1="97603" x2="44167" y2="98973"/>
                        <a14:foregroundMark x1="44167" y1="98973" x2="32252" y2="91210"/>
                        <a14:foregroundMark x1="32252" y1="91210" x2="14722" y2="61872"/>
                        <a14:foregroundMark x1="14722" y1="61872" x2="11915" y2="50342"/>
                        <a14:foregroundMark x1="11915" y1="50342" x2="21210" y2="31735"/>
                        <a14:foregroundMark x1="21210" y1="31735" x2="76419" y2="18265"/>
                        <a14:foregroundMark x1="76419" y1="18265" x2="78603" y2="31735"/>
                        <a14:foregroundMark x1="78603" y1="31735" x2="73674" y2="48402"/>
                        <a14:foregroundMark x1="73674" y1="48402" x2="46351" y2="64726"/>
                        <a14:foregroundMark x1="46351" y1="64726" x2="23706" y2="63128"/>
                        <a14:foregroundMark x1="23706" y1="63128" x2="41859" y2="48744"/>
                        <a14:foregroundMark x1="41859" y1="48744" x2="66625" y2="46461"/>
                        <a14:foregroundMark x1="66625" y1="46461" x2="67062" y2="56849"/>
                        <a14:foregroundMark x1="67062" y1="56849" x2="58640" y2="65068"/>
                        <a14:foregroundMark x1="58640" y1="65068" x2="49345" y2="60845"/>
                        <a14:foregroundMark x1="49345" y1="60845" x2="49969" y2="49543"/>
                        <a14:foregroundMark x1="49969" y1="49543" x2="51716" y2="49087"/>
                        <a14:foregroundMark x1="5303" y1="8105" x2="2246" y2="31963"/>
                        <a14:foregroundMark x1="2246" y1="31963" x2="5178" y2="41667"/>
                        <a14:foregroundMark x1="5178" y1="41667" x2="10605" y2="41324"/>
                        <a14:foregroundMark x1="10605" y1="41324" x2="16469" y2="31164"/>
                        <a14:foregroundMark x1="16469" y1="31164" x2="18840" y2="19292"/>
                        <a14:foregroundMark x1="18840" y1="19292" x2="12601" y2="13699"/>
                        <a14:foregroundMark x1="12601" y1="13699" x2="8297" y2="30594"/>
                        <a14:foregroundMark x1="8297" y1="30594" x2="17717" y2="31621"/>
                        <a14:foregroundMark x1="17717" y1="31621" x2="20524" y2="24087"/>
                        <a14:foregroundMark x1="20524" y1="24087" x2="18341" y2="10845"/>
                        <a14:foregroundMark x1="18341" y1="10845" x2="8172" y2="19977"/>
                        <a14:foregroundMark x1="8172" y1="19977" x2="6613" y2="31393"/>
                        <a14:foregroundMark x1="6613" y1="31393" x2="10979" y2="39041"/>
                        <a14:foregroundMark x1="10979" y1="39041" x2="16781" y2="38927"/>
                        <a14:foregroundMark x1="16781" y1="38927" x2="19900" y2="31050"/>
                        <a14:foregroundMark x1="19900" y1="31050" x2="17592" y2="21233"/>
                        <a14:foregroundMark x1="17592" y1="21233" x2="10605" y2="16895"/>
                        <a14:foregroundMark x1="10605" y1="16895" x2="4117" y2="18607"/>
                        <a14:foregroundMark x1="4117" y1="18607" x2="936" y2="25799"/>
                        <a14:foregroundMark x1="936" y1="25799" x2="1934" y2="34817"/>
                        <a14:foregroundMark x1="1934" y1="34817" x2="10044" y2="44064"/>
                        <a14:foregroundMark x1="10044" y1="44064" x2="22396" y2="41895"/>
                        <a14:foregroundMark x1="22396" y1="41895" x2="28696" y2="31507"/>
                        <a14:foregroundMark x1="28696" y1="31507" x2="24142" y2="20320"/>
                        <a14:foregroundMark x1="24142" y1="20320" x2="12976" y2="21804"/>
                        <a14:foregroundMark x1="12976" y1="21804" x2="4492" y2="34589"/>
                        <a14:foregroundMark x1="4492" y1="34589" x2="3805" y2="50342"/>
                        <a14:foregroundMark x1="3805" y1="50342" x2="11853" y2="64155"/>
                        <a14:foregroundMark x1="11853" y1="64155" x2="40424" y2="68037"/>
                        <a14:foregroundMark x1="40424" y1="68037" x2="72739" y2="49658"/>
                        <a14:foregroundMark x1="72739" y1="49658" x2="81847" y2="35616"/>
                        <a14:foregroundMark x1="81847" y1="35616" x2="73986" y2="28196"/>
                        <a14:foregroundMark x1="73986" y1="28196" x2="48035" y2="31050"/>
                        <a14:foregroundMark x1="48035" y1="31050" x2="53213" y2="27854"/>
                        <a14:foregroundMark x1="53213" y1="27854" x2="44916" y2="39954"/>
                        <a14:foregroundMark x1="44916" y1="39954" x2="47224" y2="52968"/>
                        <a14:foregroundMark x1="47224" y1="52968" x2="52589" y2="58676"/>
                        <a14:foregroundMark x1="52589" y1="58676" x2="24953" y2="52169"/>
                        <a14:foregroundMark x1="24953" y1="52169" x2="29008" y2="3881"/>
                        <a14:foregroundMark x1="29008" y1="3881" x2="18528" y2="11758"/>
                        <a14:foregroundMark x1="18528" y1="11758" x2="15034" y2="60845"/>
                        <a14:foregroundMark x1="15034" y1="60845" x2="18964" y2="79566"/>
                        <a14:foregroundMark x1="18964" y1="79566" x2="27324" y2="91553"/>
                        <a14:foregroundMark x1="27324" y1="91553" x2="35371" y2="92123"/>
                        <a14:foregroundMark x1="35371" y1="92123" x2="27386" y2="75342"/>
                        <a14:foregroundMark x1="27386" y1="75342" x2="5552" y2="68493"/>
                        <a14:foregroundMark x1="5552" y1="68493" x2="71429" y2="48059"/>
                        <a14:foregroundMark x1="71429" y1="48059" x2="56269" y2="62215"/>
                        <a14:foregroundMark x1="56269" y1="62215" x2="66625" y2="67237"/>
                        <a14:foregroundMark x1="66625" y1="67237" x2="79414" y2="63699"/>
                        <a14:foregroundMark x1="79414" y1="63699" x2="64629" y2="75571"/>
                        <a14:foregroundMark x1="64629" y1="75571" x2="72926" y2="79338"/>
                        <a14:foregroundMark x1="72926" y1="79338" x2="88522" y2="76484"/>
                        <a14:foregroundMark x1="88522" y1="76484" x2="54648" y2="91781"/>
                        <a14:foregroundMark x1="54648" y1="91781" x2="64192" y2="84361"/>
                        <a14:foregroundMark x1="64192" y1="84361" x2="42545" y2="82534"/>
                        <a14:foregroundMark x1="42545" y1="82534" x2="80724" y2="41553"/>
                        <a14:foregroundMark x1="80724" y1="41553" x2="78166" y2="32877"/>
                        <a14:foregroundMark x1="78166" y1="32877" x2="16157" y2="33904"/>
                        <a14:foregroundMark x1="16157" y1="33904" x2="38740" y2="18379"/>
                        <a14:foregroundMark x1="38740" y1="18379" x2="4741" y2="38356"/>
                        <a14:foregroundMark x1="4741" y1="38356" x2="48596" y2="21005"/>
                        <a14:foregroundMark x1="48596" y1="21005" x2="19152" y2="35959"/>
                        <a14:foregroundMark x1="19152" y1="35959" x2="66376" y2="16781"/>
                        <a14:foregroundMark x1="66376" y1="16781" x2="25016" y2="20890"/>
                        <a14:foregroundMark x1="25016" y1="20890" x2="72115" y2="11073"/>
                        <a14:foregroundMark x1="72115" y1="11073" x2="13849" y2="25000"/>
                        <a14:foregroundMark x1="13849" y1="25000" x2="79351" y2="27397"/>
                        <a14:foregroundMark x1="79351" y1="27397" x2="13350" y2="52283"/>
                        <a14:foregroundMark x1="13350" y1="52283" x2="36931" y2="53881"/>
                        <a14:foregroundMark x1="36931" y1="53881" x2="62258" y2="50114"/>
                        <a14:foregroundMark x1="62258" y1="50114" x2="11728" y2="56849"/>
                        <a14:foregroundMark x1="11728" y1="56849" x2="28821" y2="58105"/>
                        <a14:foregroundMark x1="28821" y1="58105" x2="73674" y2="57306"/>
                        <a14:foregroundMark x1="73674" y1="57306" x2="34061" y2="73059"/>
                        <a14:foregroundMark x1="34061" y1="73059" x2="57517" y2="73059"/>
                        <a14:foregroundMark x1="57517" y1="73059" x2="67187" y2="72032"/>
                        <a14:foregroundMark x1="67187" y1="72032" x2="19713" y2="81963"/>
                        <a14:foregroundMark x1="19713" y1="81963" x2="24828" y2="82534"/>
                        <a14:foregroundMark x1="24828" y1="82534" x2="32127" y2="81507"/>
                        <a14:foregroundMark x1="32127" y1="81507" x2="37867" y2="84932"/>
                        <a14:foregroundMark x1="37867" y1="84932" x2="15284" y2="87557"/>
                        <a14:foregroundMark x1="15284" y1="87557" x2="27386" y2="91324"/>
                        <a14:foregroundMark x1="27386" y1="91324" x2="74922" y2="82763"/>
                        <a14:foregroundMark x1="74922" y1="82763" x2="70493" y2="88584"/>
                        <a14:foregroundMark x1="70493" y1="88584" x2="80287" y2="88356"/>
                        <a14:foregroundMark x1="80287" y1="88356" x2="66687" y2="97260"/>
                        <a14:foregroundMark x1="66687" y1="97260" x2="72926" y2="93493"/>
                        <a14:foregroundMark x1="72926" y1="93493" x2="59139" y2="99315"/>
                        <a14:foregroundMark x1="59139" y1="99315" x2="63818" y2="94178"/>
                        <a14:foregroundMark x1="63818" y1="94178" x2="51216" y2="98516"/>
                        <a14:foregroundMark x1="51216" y1="98516" x2="70181" y2="82877"/>
                        <a14:foregroundMark x1="70181" y1="82877" x2="62383" y2="84589"/>
                        <a14:foregroundMark x1="62383" y1="84589" x2="66750" y2="77397"/>
                        <a14:foregroundMark x1="66750" y1="77397" x2="48908" y2="80708"/>
                        <a14:foregroundMark x1="48908" y1="80708" x2="79164" y2="63356"/>
                        <a14:foregroundMark x1="79164" y1="63356" x2="55646" y2="73630"/>
                        <a14:foregroundMark x1="55646" y1="73630" x2="85839" y2="54110"/>
                        <a14:foregroundMark x1="85839" y1="54110" x2="65565" y2="63128"/>
                        <a14:foregroundMark x1="65565" y1="63128" x2="82283" y2="56735"/>
                        <a14:foregroundMark x1="82283" y1="56735" x2="67810" y2="68493"/>
                        <a14:foregroundMark x1="67810" y1="68493" x2="87336" y2="61986"/>
                        <a14:foregroundMark x1="87336" y1="61986" x2="71304" y2="64269"/>
                        <a14:foregroundMark x1="71304" y1="64269" x2="93013" y2="53995"/>
                        <a14:foregroundMark x1="93013" y1="53995" x2="56020" y2="67466"/>
                        <a14:foregroundMark x1="56020" y1="67466" x2="80786" y2="50799"/>
                        <a14:foregroundMark x1="80786" y1="50799" x2="72364" y2="55936"/>
                        <a14:foregroundMark x1="72364" y1="55936" x2="99002" y2="43037"/>
                        <a14:foregroundMark x1="99002" y1="43037" x2="70243" y2="54795"/>
                        <a14:foregroundMark x1="70243" y1="54795" x2="86400" y2="46575"/>
                        <a14:foregroundMark x1="86400" y1="46575" x2="53150" y2="60274"/>
                        <a14:foregroundMark x1="53150" y1="60274" x2="74298" y2="47374"/>
                        <a14:foregroundMark x1="74298" y1="47374" x2="31878" y2="60731"/>
                        <a14:foregroundMark x1="31878" y1="60731" x2="73238" y2="39954"/>
                        <a14:foregroundMark x1="73238" y1="39954" x2="13600" y2="53425"/>
                        <a14:foregroundMark x1="13600" y1="53425" x2="55334" y2="38242"/>
                        <a14:foregroundMark x1="55334" y1="38242" x2="2371" y2="38014"/>
                        <a14:foregroundMark x1="2371" y1="38014" x2="80911" y2="21005"/>
                        <a14:foregroundMark x1="80911" y1="21005" x2="13787" y2="25685"/>
                        <a14:foregroundMark x1="13787" y1="25685" x2="94198" y2="14954"/>
                        <a14:foregroundMark x1="94198" y1="14954" x2="11167" y2="21689"/>
                        <a14:foregroundMark x1="11167" y1="21689" x2="80661" y2="13927"/>
                        <a14:foregroundMark x1="80661" y1="13927" x2="1560" y2="18721"/>
                        <a14:foregroundMark x1="1560" y1="18721" x2="56020" y2="8790"/>
                        <a14:foregroundMark x1="56020" y1="8790" x2="12414" y2="8562"/>
                        <a14:foregroundMark x1="12414" y1="8562" x2="39239" y2="6164"/>
                        <a14:foregroundMark x1="39239" y1="6164" x2="27012" y2="9703"/>
                        <a14:foregroundMark x1="2807" y1="10959" x2="2495" y2="53995"/>
                        <a14:foregroundMark x1="2495" y1="53995" x2="3868" y2="17922"/>
                        <a14:foregroundMark x1="3868" y1="17922" x2="2932" y2="7877"/>
                        <a14:foregroundMark x1="2932" y1="7877" x2="4180" y2="42352"/>
                        <a14:foregroundMark x1="4180" y1="42352" x2="5614" y2="51256"/>
                        <a14:foregroundMark x1="5614" y1="51256" x2="5552" y2="23516"/>
                        <a14:foregroundMark x1="5552" y1="23516" x2="4866" y2="45548"/>
                        <a14:foregroundMark x1="4866" y1="45548" x2="6800" y2="56735"/>
                        <a14:foregroundMark x1="6800" y1="56735" x2="9170" y2="41096"/>
                        <a14:foregroundMark x1="9170" y1="41096" x2="7860" y2="30479"/>
                        <a14:foregroundMark x1="7860" y1="30479" x2="2433" y2="44292"/>
                        <a14:foregroundMark x1="2433" y1="44292" x2="2558" y2="59703"/>
                        <a14:foregroundMark x1="2558" y1="59703" x2="4180" y2="69521"/>
                        <a14:foregroundMark x1="4180" y1="69521" x2="9545" y2="56963"/>
                        <a14:foregroundMark x1="9545" y1="56963" x2="13163" y2="38813"/>
                        <a14:foregroundMark x1="13163" y1="38813" x2="13100" y2="25685"/>
                        <a14:foregroundMark x1="13100" y1="25685" x2="9857" y2="39384"/>
                        <a14:foregroundMark x1="9857" y1="39384" x2="10667" y2="60388"/>
                        <a14:foregroundMark x1="10667" y1="60388" x2="13787" y2="52968"/>
                        <a14:foregroundMark x1="13787" y1="52968" x2="16032" y2="41438"/>
                        <a14:foregroundMark x1="16032" y1="41438" x2="10667" y2="46005"/>
                        <a14:foregroundMark x1="10667" y1="46005" x2="6925" y2="61530"/>
                        <a14:foregroundMark x1="6925" y1="61530" x2="16344" y2="50000"/>
                        <a14:foregroundMark x1="16344" y1="50000" x2="9857" y2="59018"/>
                        <a14:foregroundMark x1="9857" y1="59018" x2="8734" y2="47489"/>
                        <a14:foregroundMark x1="8734" y1="47489" x2="9420" y2="49886"/>
                        <a14:foregroundMark x1="1684" y1="7078" x2="2059" y2="78539"/>
                        <a14:foregroundMark x1="2059" y1="78539" x2="749" y2="15639"/>
                        <a14:foregroundMark x1="749" y1="15639" x2="4367" y2="66096"/>
                        <a14:foregroundMark x1="4367" y1="66096" x2="5303" y2="36530"/>
                        <a14:foregroundMark x1="5303" y1="36530" x2="4180" y2="25913"/>
                        <a14:foregroundMark x1="4180" y1="25913" x2="5303" y2="72831"/>
                        <a14:foregroundMark x1="5303" y1="72831" x2="8047" y2="85731"/>
                        <a14:foregroundMark x1="8047" y1="85731" x2="6488" y2="16781"/>
                        <a14:foregroundMark x1="6488" y1="16781" x2="6051" y2="42123"/>
                        <a14:foregroundMark x1="6051" y1="42123" x2="2807" y2="25114"/>
                        <a14:foregroundMark x1="2807" y1="25114" x2="2807" y2="15868"/>
                        <a14:foregroundMark x1="2807" y1="15868" x2="6800" y2="25114"/>
                        <a14:foregroundMark x1="6800" y1="25114" x2="8172" y2="34817"/>
                        <a14:foregroundMark x1="8172" y1="34817" x2="3369" y2="9132"/>
                        <a14:foregroundMark x1="3369" y1="9132" x2="4991" y2="41324"/>
                        <a14:foregroundMark x1="4991" y1="41324" x2="4679" y2="15982"/>
                        <a14:foregroundMark x1="4679" y1="15982" x2="4866" y2="54680"/>
                        <a14:foregroundMark x1="4866" y1="54680" x2="6363" y2="63470"/>
                        <a14:foregroundMark x1="6363" y1="63470" x2="6862" y2="52968"/>
                        <a14:foregroundMark x1="6862" y1="52968" x2="5864" y2="64498"/>
                        <a14:foregroundMark x1="5864" y1="64498" x2="6051" y2="60502"/>
                        <a14:foregroundMark x1="19214" y1="89041" x2="23955" y2="94977"/>
                        <a14:foregroundMark x1="23955" y1="94977" x2="29320" y2="90753"/>
                        <a14:foregroundMark x1="29320" y1="90753" x2="25764" y2="84361"/>
                        <a14:foregroundMark x1="25764" y1="84361" x2="22021" y2="90753"/>
                        <a14:foregroundMark x1="22021" y1="90753" x2="26949" y2="97489"/>
                        <a14:foregroundMark x1="26949" y1="97489" x2="32002" y2="97717"/>
                        <a14:foregroundMark x1="32002" y1="97717" x2="26762" y2="88584"/>
                        <a14:foregroundMark x1="26762" y1="88584" x2="19713" y2="90525"/>
                        <a14:foregroundMark x1="19713" y1="90525" x2="26014" y2="95434"/>
                        <a14:foregroundMark x1="26014" y1="95434" x2="31753" y2="92694"/>
                        <a14:foregroundMark x1="31753" y1="92694" x2="30568" y2="91895"/>
                        <a14:foregroundMark x1="15721" y1="72717" x2="16095" y2="83447"/>
                        <a14:foregroundMark x1="16095" y1="83447" x2="18653" y2="79566"/>
                        <a14:foregroundMark x1="19775" y1="88128" x2="18777" y2="97260"/>
                        <a14:foregroundMark x1="18777" y1="97260" x2="19401" y2="85959"/>
                        <a14:foregroundMark x1="19401" y1="85959" x2="21335" y2="92466"/>
                        <a14:foregroundMark x1="93699" y1="15068" x2="94198" y2="46005"/>
                        <a14:foregroundMark x1="83780" y1="45205" x2="89083" y2="44863"/>
                        <a14:foregroundMark x1="89083" y1="44863" x2="93325" y2="45776"/>
                        <a14:backgroundMark x1="1622" y1="93721" x2="6800" y2="98858"/>
                        <a14:backgroundMark x1="6800" y1="98858" x2="12227" y2="99429"/>
                        <a14:backgroundMark x1="12227" y1="99429" x2="7673" y2="92694"/>
                        <a14:backgroundMark x1="7673" y1="92694" x2="2308" y2="93950"/>
                        <a14:backgroundMark x1="2308" y1="93950" x2="1934" y2="94749"/>
                        <a14:backgroundMark x1="7923" y1="95091" x2="7923" y2="95091"/>
                        <a14:backgroundMark x1="2495" y1="94863" x2="9545" y2="99658"/>
                        <a14:backgroundMark x1="9545" y1="99658" x2="14410" y2="97146"/>
                        <a14:backgroundMark x1="14410" y1="97146" x2="9919" y2="92808"/>
                        <a14:backgroundMark x1="9919" y1="92808" x2="4679" y2="93151"/>
                        <a14:backgroundMark x1="4679" y1="93151" x2="11915" y2="97603"/>
                        <a14:backgroundMark x1="11915" y1="97603" x2="6425" y2="94064"/>
                        <a14:backgroundMark x1="6425" y1="94064" x2="10792" y2="99087"/>
                        <a14:backgroundMark x1="10792" y1="99087" x2="5552" y2="93151"/>
                        <a14:backgroundMark x1="5552" y1="93151" x2="10667" y2="97717"/>
                        <a14:backgroundMark x1="10667" y1="97717" x2="16157" y2="96918"/>
                        <a14:backgroundMark x1="16157" y1="96918" x2="10168" y2="95662"/>
                        <a14:backgroundMark x1="10168" y1="95662" x2="12414" y2="97146"/>
                        <a14:backgroundMark x1="94323" y1="95320" x2="94760" y2="96689"/>
                        <a14:backgroundMark x1="94136" y1="95548" x2="95259" y2="97717"/>
                        <a14:backgroundMark x1="93699" y1="95320" x2="93450" y2="99429"/>
                      </a14:backgroundRemoval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1613679" y="1422729"/>
            <a:ext cx="9913185" cy="5219220"/>
          </a:xfrm>
          <a:prstGeom prst="rect">
            <a:avLst/>
          </a:prstGeom>
        </p:spPr>
      </p:pic>
      <p:sp>
        <p:nvSpPr>
          <p:cNvPr id="8" name="Tekstfelt 7">
            <a:extLst>
              <a:ext uri="{FF2B5EF4-FFF2-40B4-BE49-F238E27FC236}">
                <a16:creationId xmlns:a16="http://schemas.microsoft.com/office/drawing/2014/main" id="{59841F28-7BC6-441D-93AB-2C89351E350D}"/>
              </a:ext>
            </a:extLst>
          </p:cNvPr>
          <p:cNvSpPr txBox="1"/>
          <p:nvPr/>
        </p:nvSpPr>
        <p:spPr>
          <a:xfrm>
            <a:off x="10488488" y="6093296"/>
            <a:ext cx="936104" cy="504056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noAutofit/>
          </a:bodyPr>
          <a:lstStyle/>
          <a:p>
            <a:endParaRPr lang="da-DK" dirty="0" err="1"/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9A0A37CC-1339-4150-8581-CC254003FA8D}"/>
              </a:ext>
            </a:extLst>
          </p:cNvPr>
          <p:cNvSpPr txBox="1"/>
          <p:nvPr/>
        </p:nvSpPr>
        <p:spPr>
          <a:xfrm>
            <a:off x="1613679" y="1412776"/>
            <a:ext cx="2682121" cy="28803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dirty="0"/>
              <a:t>National strategi for Psykiatrien </a:t>
            </a:r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0B621C13-04F3-493C-BB9B-B769B2E594BD}"/>
              </a:ext>
            </a:extLst>
          </p:cNvPr>
          <p:cNvSpPr txBox="1"/>
          <p:nvPr/>
        </p:nvSpPr>
        <p:spPr>
          <a:xfrm>
            <a:off x="2063552" y="6507886"/>
            <a:ext cx="4279124" cy="28803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dirty="0"/>
              <a:t>National strategi for mennesker med psykiske lidelser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7528ECCE-6947-43ED-AE65-424910B95257}"/>
              </a:ext>
            </a:extLst>
          </p:cNvPr>
          <p:cNvSpPr txBox="1"/>
          <p:nvPr/>
        </p:nvSpPr>
        <p:spPr>
          <a:xfrm>
            <a:off x="4549390" y="1412776"/>
            <a:ext cx="3816424" cy="28803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dirty="0"/>
              <a:t>Partnerskabsaftale om nedbringelse af tvang</a:t>
            </a: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81BCACBA-2ED6-4CD8-8428-3C23C02EC7B9}"/>
              </a:ext>
            </a:extLst>
          </p:cNvPr>
          <p:cNvSpPr txBox="1"/>
          <p:nvPr/>
        </p:nvSpPr>
        <p:spPr>
          <a:xfrm>
            <a:off x="7275593" y="6512968"/>
            <a:ext cx="2180442" cy="28803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dirty="0"/>
              <a:t>National forskningsstrategi</a:t>
            </a:r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C8163D79-2728-4535-A4D1-E050456F41A8}"/>
              </a:ext>
            </a:extLst>
          </p:cNvPr>
          <p:cNvSpPr txBox="1"/>
          <p:nvPr/>
        </p:nvSpPr>
        <p:spPr>
          <a:xfrm>
            <a:off x="8619404" y="1412776"/>
            <a:ext cx="3504650" cy="28803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400" dirty="0"/>
              <a:t>Forarbejde og handlingsplan for psykiatrien </a:t>
            </a:r>
          </a:p>
        </p:txBody>
      </p:sp>
    </p:spTree>
    <p:extLst>
      <p:ext uri="{BB962C8B-B14F-4D97-AF65-F5344CB8AC3E}">
        <p14:creationId xmlns:p14="http://schemas.microsoft.com/office/powerpoint/2010/main" val="42224642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36160DF5-F79B-41B5-BEF0-586DFE627D1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FF9D9D3D-0D31-4BFA-91C5-2AF3EB8AF73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A8C5B22-594C-4CF2-9B71-19F55CD294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7" name="Titel 1">
            <a:extLst>
              <a:ext uri="{FF2B5EF4-FFF2-40B4-BE49-F238E27FC236}">
                <a16:creationId xmlns:a16="http://schemas.microsoft.com/office/drawing/2014/main" id="{2E5718BE-34C3-4C04-B6C5-B05FD73BEF43}"/>
              </a:ext>
            </a:extLst>
          </p:cNvPr>
          <p:cNvSpPr txBox="1">
            <a:spLocks/>
          </p:cNvSpPr>
          <p:nvPr/>
        </p:nvSpPr>
        <p:spPr>
          <a:xfrm>
            <a:off x="1136848" y="614389"/>
            <a:ext cx="10515600" cy="749359"/>
          </a:xfrm>
          <a:prstGeom prst="rect">
            <a:avLst/>
          </a:prstGeom>
        </p:spPr>
        <p:txBody>
          <a:bodyPr vert="horz" lIns="0" tIns="0" rIns="0" bIns="0" rtlCol="0" anchor="b" anchorCtr="0">
            <a:normAutofit fontScale="97500"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Fælles udfordringsbillede som afsæt for det videre arbejde</a:t>
            </a:r>
          </a:p>
        </p:txBody>
      </p:sp>
      <p:sp>
        <p:nvSpPr>
          <p:cNvPr id="8" name="Pladsholder til indhold 2">
            <a:extLst>
              <a:ext uri="{FF2B5EF4-FFF2-40B4-BE49-F238E27FC236}">
                <a16:creationId xmlns:a16="http://schemas.microsoft.com/office/drawing/2014/main" id="{00795B03-1410-4280-9739-A67F7C5D9516}"/>
              </a:ext>
            </a:extLst>
          </p:cNvPr>
          <p:cNvSpPr txBox="1">
            <a:spLocks/>
          </p:cNvSpPr>
          <p:nvPr/>
        </p:nvSpPr>
        <p:spPr>
          <a:xfrm>
            <a:off x="950848" y="2060848"/>
            <a:ext cx="5127138" cy="3456384"/>
          </a:xfrm>
          <a:prstGeom prst="rect">
            <a:avLst/>
          </a:prstGeom>
        </p:spPr>
        <p:txBody>
          <a:bodyPr vert="horz" lIns="0" tIns="0" rIns="0" bIns="0" rtlCol="0">
            <a:normAutofit fontScale="25000" lnSpcReduction="20000"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30000" indent="-27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36000" indent="-23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296000" indent="-21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656000" indent="-21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98000" indent="-18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358000" indent="-18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718000" indent="-18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718000" indent="-18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da-DK" sz="7200" b="1" dirty="0"/>
              <a:t>Temaer</a:t>
            </a:r>
          </a:p>
          <a:p>
            <a:r>
              <a:rPr lang="da-DK" sz="7200" dirty="0">
                <a:solidFill>
                  <a:srgbClr val="000000"/>
                </a:solidFill>
                <a:latin typeface="3"/>
              </a:rPr>
              <a:t>Mental sundhedsfremme</a:t>
            </a:r>
          </a:p>
          <a:p>
            <a:r>
              <a:rPr lang="da-DK" sz="7200" dirty="0">
                <a:solidFill>
                  <a:srgbClr val="000000"/>
                </a:solidFill>
                <a:latin typeface="3"/>
              </a:rPr>
              <a:t>Tidligere og mere tilgængelig indsats for mennesker med psykiske lidelser </a:t>
            </a:r>
          </a:p>
          <a:p>
            <a:r>
              <a:rPr lang="da-DK" sz="7200" dirty="0">
                <a:solidFill>
                  <a:srgbClr val="000000"/>
                </a:solidFill>
                <a:latin typeface="3"/>
              </a:rPr>
              <a:t>Indsatsen for børne og unge</a:t>
            </a:r>
          </a:p>
          <a:p>
            <a:r>
              <a:rPr lang="da-DK" sz="7200" dirty="0">
                <a:solidFill>
                  <a:srgbClr val="000000"/>
                </a:solidFill>
                <a:latin typeface="3"/>
              </a:rPr>
              <a:t>Indsatsen til mennesker med moderat til svær psykisk lidelse</a:t>
            </a:r>
          </a:p>
          <a:p>
            <a:r>
              <a:rPr lang="da-DK" sz="7200" dirty="0">
                <a:solidFill>
                  <a:srgbClr val="000000"/>
                </a:solidFill>
                <a:latin typeface="3"/>
              </a:rPr>
              <a:t>Ulighed for mennesker med psykiske lidelser</a:t>
            </a:r>
          </a:p>
          <a:p>
            <a:r>
              <a:rPr lang="da-DK" sz="7200" dirty="0">
                <a:solidFill>
                  <a:srgbClr val="000000"/>
                </a:solidFill>
                <a:latin typeface="3"/>
              </a:rPr>
              <a:t>Samtidighed, sammenhæng og samarbejde på tværs</a:t>
            </a:r>
          </a:p>
          <a:p>
            <a:r>
              <a:rPr lang="da-DK" sz="7200" dirty="0">
                <a:solidFill>
                  <a:srgbClr val="000000"/>
                </a:solidFill>
                <a:latin typeface="3"/>
              </a:rPr>
              <a:t>Ny viden om mistrivsel og psykiske lidelser via forskning og udvikling </a:t>
            </a:r>
          </a:p>
        </p:txBody>
      </p:sp>
      <p:pic>
        <p:nvPicPr>
          <p:cNvPr id="9" name="Billede 8" descr="Et billede, der indeholder person&#10;&#10;Automatisk genereret beskrivelse">
            <a:extLst>
              <a:ext uri="{FF2B5EF4-FFF2-40B4-BE49-F238E27FC236}">
                <a16:creationId xmlns:a16="http://schemas.microsoft.com/office/drawing/2014/main" id="{73ED6974-7B42-483C-9261-15BBFD34E8D4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20" b="50451"/>
          <a:stretch/>
        </p:blipFill>
        <p:spPr>
          <a:xfrm>
            <a:off x="8988152" y="2044235"/>
            <a:ext cx="2664296" cy="1875754"/>
          </a:xfrm>
          <a:prstGeom prst="roundRect">
            <a:avLst>
              <a:gd name="adj" fmla="val 4167"/>
            </a:avLst>
          </a:prstGeom>
          <a:solidFill>
            <a:srgbClr val="FFFFFF"/>
          </a:solidFill>
          <a:ln w="76200" cap="sq">
            <a:solidFill>
              <a:srgbClr val="292929"/>
            </a:solidFill>
            <a:miter lim="800000"/>
          </a:ln>
          <a:effectLst>
            <a:reflection blurRad="12700" stA="28000" endPos="28000" dist="5000" dir="5400000" sy="-100000" algn="bl" rotWithShape="0"/>
          </a:effectLst>
          <a:scene3d>
            <a:camera prst="orthographicFront"/>
            <a:lightRig rig="threePt" dir="t">
              <a:rot lat="0" lon="0" rev="2700000"/>
            </a:lightRig>
          </a:scene3d>
          <a:sp3d>
            <a:bevelT h="38100"/>
            <a:contourClr>
              <a:srgbClr val="C0C0C0"/>
            </a:contourClr>
          </a:sp3d>
        </p:spPr>
      </p:pic>
      <p:pic>
        <p:nvPicPr>
          <p:cNvPr id="10" name="Billede 9" descr="Et billede, der indeholder person, mand, kulør, væg&#10;&#10;Automatisk genereret beskrivelse">
            <a:extLst>
              <a:ext uri="{FF2B5EF4-FFF2-40B4-BE49-F238E27FC236}">
                <a16:creationId xmlns:a16="http://schemas.microsoft.com/office/drawing/2014/main" id="{CE6C81C6-1B9E-4073-A293-9C440CEF5366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9" t="10190" r="-209" b="50900"/>
          <a:stretch/>
        </p:blipFill>
        <p:spPr>
          <a:xfrm>
            <a:off x="6290006" y="2044235"/>
            <a:ext cx="2471608" cy="1883328"/>
          </a:xfrm>
          <a:prstGeom prst="roundRect">
            <a:avLst>
              <a:gd name="adj" fmla="val 4167"/>
            </a:avLst>
          </a:prstGeom>
          <a:solidFill>
            <a:srgbClr val="FFFFFF"/>
          </a:solidFill>
          <a:ln w="76200" cap="sq">
            <a:solidFill>
              <a:srgbClr val="292929"/>
            </a:solidFill>
            <a:miter lim="800000"/>
          </a:ln>
          <a:effectLst>
            <a:reflection blurRad="12700" stA="28000" endPos="28000" dist="5000" dir="5400000" sy="-100000" algn="bl" rotWithShape="0"/>
          </a:effectLst>
          <a:scene3d>
            <a:camera prst="orthographicFront"/>
            <a:lightRig rig="threePt" dir="t">
              <a:rot lat="0" lon="0" rev="2700000"/>
            </a:lightRig>
          </a:scene3d>
          <a:sp3d>
            <a:bevelT h="38100"/>
            <a:contourClr>
              <a:srgbClr val="C0C0C0"/>
            </a:contourClr>
          </a:sp3d>
        </p:spPr>
      </p:pic>
      <p:sp>
        <p:nvSpPr>
          <p:cNvPr id="5" name="Tekstfelt 4">
            <a:extLst>
              <a:ext uri="{FF2B5EF4-FFF2-40B4-BE49-F238E27FC236}">
                <a16:creationId xmlns:a16="http://schemas.microsoft.com/office/drawing/2014/main" id="{7B0CA1D8-547A-4666-9923-3B26E3A05049}"/>
              </a:ext>
            </a:extLst>
          </p:cNvPr>
          <p:cNvSpPr txBox="1"/>
          <p:nvPr/>
        </p:nvSpPr>
        <p:spPr>
          <a:xfrm>
            <a:off x="10488488" y="6093296"/>
            <a:ext cx="936104" cy="504056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noAutofit/>
          </a:bodyPr>
          <a:lstStyle/>
          <a:p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399610416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4D9EB74-0864-4CC3-A63E-307E448A80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F573E36-E7B1-4027-AC33-D1715401B74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CD9F10E-3DA7-49B1-BA8D-DA6D66870E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7" name="Titel 1">
            <a:extLst>
              <a:ext uri="{FF2B5EF4-FFF2-40B4-BE49-F238E27FC236}">
                <a16:creationId xmlns:a16="http://schemas.microsoft.com/office/drawing/2014/main" id="{A35B7702-FEE0-4235-B653-1EECFF4E58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1464" y="581653"/>
            <a:ext cx="10137776" cy="826910"/>
          </a:xfrm>
        </p:spPr>
        <p:txBody>
          <a:bodyPr>
            <a:normAutofit/>
          </a:bodyPr>
          <a:lstStyle/>
          <a:p>
            <a:r>
              <a:rPr lang="da-DK" sz="2900" b="1" dirty="0"/>
              <a:t>Status på arbejdet</a:t>
            </a:r>
          </a:p>
        </p:txBody>
      </p:sp>
      <p:pic>
        <p:nvPicPr>
          <p:cNvPr id="8" name="Pladsholder til indhold 8" descr="Et billede, der indeholder tekst, blå&#10;&#10;Automatisk genereret beskrivelse">
            <a:extLst>
              <a:ext uri="{FF2B5EF4-FFF2-40B4-BE49-F238E27FC236}">
                <a16:creationId xmlns:a16="http://schemas.microsoft.com/office/drawing/2014/main" id="{35F63009-48D5-4170-9A6D-2FF81AF985A0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3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28248" y="567273"/>
            <a:ext cx="3773430" cy="3773430"/>
          </a:xfrm>
          <a:prstGeom prst="rect">
            <a:avLst/>
          </a:prstGeom>
        </p:spPr>
      </p:pic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E7E99BE7-9518-4C91-B5F4-358C4C41D73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299282" y="1772816"/>
            <a:ext cx="8124059" cy="4152518"/>
          </a:xfrm>
        </p:spPr>
        <p:txBody>
          <a:bodyPr>
            <a:normAutofit/>
          </a:bodyPr>
          <a:lstStyle/>
          <a:p>
            <a:pPr>
              <a:lnSpc>
                <a:spcPct val="150000"/>
              </a:lnSpc>
            </a:pPr>
            <a:r>
              <a:rPr lang="da-DK" sz="2000" dirty="0"/>
              <a:t>Arbejdet forsinket og udskudt et par gange</a:t>
            </a:r>
          </a:p>
          <a:p>
            <a:pPr>
              <a:lnSpc>
                <a:spcPct val="150000"/>
              </a:lnSpc>
            </a:pPr>
            <a:r>
              <a:rPr lang="da-DK" sz="2000" dirty="0"/>
              <a:t>Høring ultimo oktober og færdiggjort i ultimo november 2021</a:t>
            </a:r>
          </a:p>
          <a:p>
            <a:pPr>
              <a:lnSpc>
                <a:spcPct val="150000"/>
              </a:lnSpc>
            </a:pPr>
            <a:r>
              <a:rPr lang="da-DK" sz="2000" dirty="0"/>
              <a:t>Herefter politiske proces med involvering af partier og organisationer </a:t>
            </a:r>
          </a:p>
          <a:p>
            <a:pPr>
              <a:lnSpc>
                <a:spcPct val="150000"/>
              </a:lnSpc>
            </a:pPr>
            <a:r>
              <a:rPr lang="da-DK" sz="2000" dirty="0"/>
              <a:t>Endnu uvist, hvornår udspillet til 10-årsplanen kommer </a:t>
            </a:r>
          </a:p>
          <a:p>
            <a:pPr>
              <a:lnSpc>
                <a:spcPct val="150000"/>
              </a:lnSpc>
            </a:pPr>
            <a:r>
              <a:rPr lang="da-DK" sz="2000" dirty="0"/>
              <a:t>Stor lydhørhed fra Sundhedsstyrelsen</a:t>
            </a:r>
            <a:endParaRPr lang="da-DK" sz="2800" dirty="0"/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F0FB1C95-C740-4254-AB4F-29598E5A8085}"/>
              </a:ext>
            </a:extLst>
          </p:cNvPr>
          <p:cNvSpPr txBox="1"/>
          <p:nvPr/>
        </p:nvSpPr>
        <p:spPr>
          <a:xfrm>
            <a:off x="10488488" y="6093296"/>
            <a:ext cx="936104" cy="504056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noAutofit/>
          </a:bodyPr>
          <a:lstStyle/>
          <a:p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368039941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E630A85-AB77-434C-884C-0C588C90A4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1CAC1B88-AB5E-470C-9119-CDE79925879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06ABDEF-8DAE-4ACC-8941-821F171AC5C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276E6706-02E9-4ACA-9093-C581858FBE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ovedfokus i drøftelserne</a:t>
            </a:r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D7B58F68-5FF2-4B56-89D1-28A2E0C871D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>
              <a:lnSpc>
                <a:spcPct val="200000"/>
              </a:lnSpc>
            </a:pPr>
            <a:r>
              <a:rPr lang="da-DK" dirty="0"/>
              <a:t>Sektorovergange og det nære og sammenhængende sundhedsvæsen</a:t>
            </a:r>
          </a:p>
          <a:p>
            <a:pPr>
              <a:lnSpc>
                <a:spcPct val="200000"/>
              </a:lnSpc>
            </a:pPr>
            <a:r>
              <a:rPr lang="da-DK" dirty="0"/>
              <a:t>Opgavefordeling mellem regioner og kommuner og samarbejde</a:t>
            </a:r>
          </a:p>
          <a:p>
            <a:pPr>
              <a:lnSpc>
                <a:spcPct val="200000"/>
              </a:lnSpc>
            </a:pPr>
            <a:r>
              <a:rPr lang="da-DK" dirty="0"/>
              <a:t>Udfordringer ift. indsatsen til børn og unge – forebyggelse og tidlig indsats</a:t>
            </a:r>
          </a:p>
          <a:p>
            <a:pPr>
              <a:lnSpc>
                <a:spcPct val="200000"/>
              </a:lnSpc>
            </a:pPr>
            <a:endParaRPr lang="da-DK" dirty="0"/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339807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BB590790-92FB-4A22-8A12-AE24C97E3B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2BAFAAE-41D2-4A5D-B3AF-4B88BA6997C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C32D968-F5E9-4BA6-9222-839DA299DF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7" name="Titel 1">
            <a:extLst>
              <a:ext uri="{FF2B5EF4-FFF2-40B4-BE49-F238E27FC236}">
                <a16:creationId xmlns:a16="http://schemas.microsoft.com/office/drawing/2014/main" id="{33C62033-4C60-45FE-B749-8A5E2164E56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32706" y="878974"/>
            <a:ext cx="10515600" cy="583705"/>
          </a:xfrm>
        </p:spPr>
        <p:txBody>
          <a:bodyPr/>
          <a:lstStyle/>
          <a:p>
            <a:r>
              <a:rPr lang="da-DK" sz="2900" b="1" dirty="0"/>
              <a:t>De regionale kernebudskaber</a:t>
            </a:r>
          </a:p>
        </p:txBody>
      </p:sp>
      <p:sp>
        <p:nvSpPr>
          <p:cNvPr id="8" name="Pladsholder til indhold 2">
            <a:extLst>
              <a:ext uri="{FF2B5EF4-FFF2-40B4-BE49-F238E27FC236}">
                <a16:creationId xmlns:a16="http://schemas.microsoft.com/office/drawing/2014/main" id="{AFB1A0ED-EC64-4CAE-9B92-85AF97280D15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271464" y="1916832"/>
            <a:ext cx="10515600" cy="3528392"/>
          </a:xfrm>
        </p:spPr>
        <p:txBody>
          <a:bodyPr>
            <a:normAutofit/>
          </a:bodyPr>
          <a:lstStyle/>
          <a:p>
            <a:r>
              <a:rPr lang="da-DK" sz="2000" dirty="0"/>
              <a:t>Mere samarbejde </a:t>
            </a:r>
            <a:r>
              <a:rPr lang="da-DK" sz="2000" b="1" dirty="0"/>
              <a:t>på tværs af sektorer og indsatser</a:t>
            </a:r>
          </a:p>
          <a:p>
            <a:r>
              <a:rPr lang="da-DK" sz="2000" dirty="0"/>
              <a:t>Den </a:t>
            </a:r>
            <a:r>
              <a:rPr lang="da-DK" sz="2000" b="1" dirty="0"/>
              <a:t>kommunale socialpsykiatri </a:t>
            </a:r>
            <a:r>
              <a:rPr lang="da-DK" sz="2000" dirty="0"/>
              <a:t>skal løftes </a:t>
            </a:r>
          </a:p>
          <a:p>
            <a:pPr lvl="1"/>
            <a:r>
              <a:rPr lang="da-DK" sz="2000" dirty="0"/>
              <a:t> herunder understøttes af standarder, retningslinjer og kompetenceløft</a:t>
            </a:r>
          </a:p>
          <a:p>
            <a:pPr lvl="1"/>
            <a:r>
              <a:rPr lang="da-DK" sz="2000" dirty="0"/>
              <a:t>mere systematik og gennemsigtighed i organisering og tilbuddene</a:t>
            </a:r>
          </a:p>
          <a:p>
            <a:r>
              <a:rPr lang="da-DK" sz="2000" b="1" dirty="0"/>
              <a:t>Børn og unge </a:t>
            </a:r>
            <a:r>
              <a:rPr lang="da-DK" sz="2000" dirty="0"/>
              <a:t>bør få et særligt fokus</a:t>
            </a:r>
          </a:p>
          <a:p>
            <a:pPr lvl="1"/>
            <a:r>
              <a:rPr lang="da-DK" sz="2000" dirty="0"/>
              <a:t>Den tidlige og forebyggende indsats skal løftes</a:t>
            </a:r>
          </a:p>
          <a:p>
            <a:pPr lvl="1"/>
            <a:r>
              <a:rPr lang="da-DK" sz="2000" dirty="0"/>
              <a:t>Der skal være systematiske og lettilgængelige tilbud – i et godt samarbejde med den regionale børne og ungdomspsykiatri</a:t>
            </a:r>
            <a:endParaRPr lang="da-DK" sz="2400" dirty="0"/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DB058A18-216D-495C-828D-562E0ACE0245}"/>
              </a:ext>
            </a:extLst>
          </p:cNvPr>
          <p:cNvSpPr txBox="1"/>
          <p:nvPr/>
        </p:nvSpPr>
        <p:spPr>
          <a:xfrm>
            <a:off x="10488488" y="6093296"/>
            <a:ext cx="936104" cy="504056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noAutofit/>
          </a:bodyPr>
          <a:lstStyle/>
          <a:p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343230366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2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Green">
      <a:dk1>
        <a:srgbClr val="333333"/>
      </a:dk1>
      <a:lt1>
        <a:srgbClr val="FFFFFF"/>
      </a:lt1>
      <a:dk2>
        <a:srgbClr val="575757"/>
      </a:dk2>
      <a:lt2>
        <a:srgbClr val="E0F2CF"/>
      </a:lt2>
      <a:accent1>
        <a:srgbClr val="C2E69F"/>
      </a:accent1>
      <a:accent2>
        <a:srgbClr val="333333"/>
      </a:accent2>
      <a:accent3>
        <a:srgbClr val="94D257"/>
      </a:accent3>
      <a:accent4>
        <a:srgbClr val="666666"/>
      </a:accent4>
      <a:accent5>
        <a:srgbClr val="75C627"/>
      </a:accent5>
      <a:accent6>
        <a:srgbClr val="999999"/>
      </a:accent6>
      <a:hlink>
        <a:srgbClr val="75C627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73038327532712","enableDocumentContentUpdater":true,"version":"1.3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4.xml><?xml version="1.0" encoding="utf-8"?>
<TemplafyTemplateConfiguration><![CDATA[{"elementsMetadata":[{"type":"shape","id":"1595c593-e487-48ea-be20-0ade6cc49080","elementConfiguration":{"inheritDimensions":"inheritNone","width":"1.9 cm","height":"1.9 cm","disableUpdates":false,"type":"image"}},{"type":"shape","id":"fb3ab32c-7ed1-41d0-9591-5f7fad41c9b8","elementConfiguration":{"binding":"UserProfile.Office.Virksomhed_{{DocumentLanguage}}","disableUpdates":false,"type":"text"}},{"type":"shape","id":"7a257406-39bb-4efb-9743-68dce5140dbf","elementConfiguration":{"binding":"UserProfile.CenterFreeText","visibility":{"action":"hide","binding":"UserProfile.Centers.CenterUI","operator":"notEquals","compareValue":"Intet valgt"},"disableUpdates":false,"type":"text"}},{"type":"shape","id":"ae76f338-aa61-4f78-b01e-ead776ffab2d","elementConfiguration":{"binding":"UserProfile.Centers.Center_{{DocumentLanguage}}","visibility":{"action":"hide","binding":"UserProfile.Centers.CenterUI","operator":"equals","compareValue":"Intet valgt"},"disableUpdates":false,"type":"text"}},{"type":"shape","id":"fa43e4b4-e25a-4c84-90ff-a3b96bc46a09","elementConfiguration":{"binding":"Form.PresentationTitle","disableUpdates":false,"type":"text"}},{"type":"shape","id":"e5207ce6-c3b9-4228-8e0a-596256535b08","elementConfiguration":{"inheritDimensions":"inheritNone","width":"1.9 cm","height":"1.9 cm","binding":"UserProfile.Office.LogoColor_DCU","disableUpdates":false,"type":"image"}},{"type":"shape","id":"82bd11e3-6d6c-4cbd-b287-d931cb0fc72a","elementConfiguration":{"inheritDimensions":"inheritNone","width":"3.68 cm","height":"1.17 cm","binding":"UserProfile.EkstraLogo.ExtraLogoPPNEGDCU_{{DocumentLanguage}}","disableUpdates":false,"type":"image"}},{"type":"shape","id":"252c98c7-d100-4ca0-b7ea-d35f186dadbf","elementConfiguration":{"inheritDimensions":"inheritNone","width":"2.42 cm","height":"2.5 cm","binding":"UserProfile.EkstraLogo.ExtraLogoFive_PP_DCU_{{DocumentLanguage}}","disableUpdates":false,"type":"image"}},{"type":"shape","id":"4d92c0fd-b005-4844-ba26-fb1f8a620db4","elementConfiguration":{"inheritDimensions":"inheritNone","width":"2.42 cm","height":"2.5 cm","binding":"UserProfile.EkstraLogo.ExtraLogoTwo_PP_DCU_{{DocumentLanguage}}","disableUpdates":false,"type":"image"}},{"type":"shape","id":"87fdda3d-2032-435a-a7be-84ce9cc21836","elementConfiguration":{"binding":"UserProfile.Name","visibility":{"action":"hide","binding":"Form.Manuel_dato","operator":"notEquals","compareValue":""},"disableUpdates":false,"type":"text"}},{"type":"shape","id":"8c6bb74e-51d5-4d4b-a0c3-d5b787f7ca4a","elementConfiguration":{"binding":"Form.Manuel_dato","visibility":{"action":"hide","operator":"equals","compareValue":""},"disableUpdates":false,"type":"text"}},{"type":"shape","id":"1a948f27-b87c-479d-9930-6f57f9b56287","elementConfiguration":{"inheritDimensions":"inheritNone","width":"6.05 cm","height":"1.9 cm","binding":"UserProfile.EkstraLogo.ExtraLogoSix_PP_DCU_{{DocumentLanguage}}","disableUpdates":false,"type":"image"}},{"type":"shape","id":"36ec8463-71a6-41b6-8317-4eeb1681021e","elementConfiguration":{"inheritDimensions":"inheritWidth","width":"1.91 cm","binding":"UserProfile.Office.LogoH_PP_DCU","disableUpdates":false,"type":"image"}},{"type":"shape","id":"7e017ca4-f6cd-4de1-9d8f-a3614b072066","elementConfiguration":{"binding":"UserProfile.Office.Virksomhed_{{DocumentLanguage}}","disableUpdates":false,"type":"text"}},{"type":"shape","id":"5d032e62-239b-4b40-95ec-bf6e583ed6c2","elementConfiguration":{"binding":"UserProfile.CenterFreeText","visibility":{"action":"hide","binding":"UserProfile.Centers.CenterUI","operator":"notEquals","compareValue":"Intet valgt"},"disableUpdates":false,"type":"text"}},{"type":"shape","id":"4ca592b2-55ac-4144-aa94-f1e6f8e5ff8c","elementConfiguration":{"binding":"UserProfile.Centers.Center_{{DocumentLanguage}}","visibility":{"action":"hide","binding":"UserProfile.Centers.CenterUI","operator":"equals","compareValue":"Intet valgt"},"disableUpdates":false,"type":"text"}},{"type":"shape","id":"110e5e64-7d70-40b6-8913-0e9697982e95","elementConfiguration":{"binding":"Form.PresentationTitle","disableUpdates":false,"type":"text"}},{"type":"shape","id":"ca95ea66-b1b7-4d20-9de4-3623d640c34b","elementConfiguration":{"inheritDimensions":"inheritNone","width":"2.42 cm","height":"2.5 cm","binding":"UserProfile.EkstraLogo.ExtraLogoFive_PP_DCU_{{DocumentLanguage}}","disableUpdates":false,"type":"image"}},{"type":"shape","id":"fb666002-047f-48ad-b724-fd803c3f2ece","elementConfiguration":{"inheritDimensions":"inheritNone","width":"2.42 cm","height":"2.5 cm","binding":"UserProfile.EkstraLogo.ExtraLogoTwo_PP_DCU_{{DocumentLanguage}}","disableUpdates":false,"type":"image"}},{"type":"shape","id":"e3b42998-ad37-4475-8add-a2d8f7437828","elementConfiguration":{"binding":"UserProfile.Name","visibility":{"action":"hide","binding":"Form.Manuel_dato","operator":"notEquals","compareValue":""},"disableUpdates":false,"type":"text"}},{"type":"shape","id":"953094f9-2cf5-4800-953d-290d1b3e41c8","elementConfiguration":{"binding":"Form.Manuel_dato","visibility":{"action":"hide","operator":"equals","compareValue":""},"disableUpdates":false,"type":"text"}},{"type":"shape","id":"cf05ff43-539f-4848-8e81-ab83d88fcdaf","elementConfiguration":{"inheritDimensions":"inheritNone","width":"1.9 cm","height":"19.05 cm","binding":"UserProfile.Office.LogoColor_DCU","disableUpdates":false,"type":"image"}},{"type":"shape","id":"83a56a1e-1f53-4c66-a5c1-d17a8de53c54","elementConfiguration":{"inheritDimensions":"inheritNone","width":"3.68 cm","height":"1.17 cm","binding":"UserProfile.EkstraLogo.ExtraLogoPPNEGDCU_{{DocumentLanguage}}","disableUpdates":false,"type":"image"}},{"type":"shape","id":"f48e5ec1-e5b1-4a63-990d-8965528b74c8","elementConfiguration":{"inheritDimensions":"inheritNone","width":"6.05 cm","height":"1.9 cm","binding":"UserProfile.EkstraLogo.ExtraLogoSix_PP_DCU_{{DocumentLanguage}}","disableUpdates":false,"type":"image"}},{"type":"shape","id":"ca2efe67-d536-455d-9a5f-5e33d89074f8","elementConfiguration":{"inheritDimensions":"inheritWidth","width":"1.91 cm","binding":"UserProfile.Office.LogoH_PP_DCU","disableUpdates":false,"type":"image"}},{"type":"shape","id":"0362bcda-d6a5-4ab9-a730-13dd7dfd8d48","elementConfiguration":{"binding":"UserProfile.Office.Virksomhed_{{DocumentLanguage}}","disableUpdates":false,"type":"text"}},{"type":"shape","id":"71f32f30-2f98-45c4-872f-f1f478b73564","elementConfiguration":{"binding":"UserProfile.CenterFreeText","visibility":{"action":"hide","binding":"UserProfile.Centers.CenterUI","operator":"notEquals","compareValue":"Intet valgt"},"disableUpdates":false,"type":"text"}},{"type":"shape","id":"8242a9e2-47fd-4667-ba71-6604c5ef1608","elementConfiguration":{"binding":"UserProfile.Centers.Center_{{DocumentLanguage}}","visibility":{"action":"hide","binding":"UserProfile.Centers.CenterUI","operator":"equals","compareValue":"Intet valgt"},"disableUpdates":false,"type":"text"}},{"type":"shape","id":"9fa9ff2f-1b35-4048-9e23-1b6949eb3359","elementConfiguration":{"binding":"Form.PresentationTitle","disableUpdates":false,"type":"text"}},{"type":"shape","id":"7fb204b7-264e-44b0-bc45-a7083e891cfe","elementConfiguration":{"inheritDimensions":"inheritNone","width":"1.9 cm","height":"1.9 cm","binding":"UserProfile.Office.LogoColor_DCU","disableUpdates":false,"type":"image"}},{"type":"shape","id":"85adbd70-72f3-4164-8a9c-f4ba5d419b3a","elementConfiguration":{"inheritDimensions":"inheritNone","width":"3.68 cm","height":"1.17 cm","binding":"UserProfile.EkstraLogo.ExtraLogoPPNEGDCU_{{DocumentLanguage}}","disableUpdates":false,"type":"image"}},{"type":"shape","id":"e91fb2ff-3911-4dfe-9cbe-ef441c31433c","elementConfiguration":{"inheritDimensions":"inheritNone","width":"2.42 cm","height":"2.5 cm","binding":"UserProfile.EkstraLogo.ExtraLogoFive_PP_DCU_{{DocumentLanguage}}","disableUpdates":false,"type":"image"}},{"type":"shape","id":"7c63978f-8c51-470f-978a-6b2ff02c1e42","elementConfiguration":{"inheritDimensions":"inheritNone","width":"2.42 cm","height":"2.5 cm","binding":"UserProfile.EkstraLogo.ExtraLogoTwo_PP_DCU_{{DocumentLanguage}}","disableUpdates":false,"type":"image"}},{"type":"shape","id":"0413b9e4-4527-4c9f-95f6-21a4429f1fa7","elementConfiguration":{"binding":"UserProfile.Name","visibility":{"action":"hide","binding":"Form.Manuel_dato","operator":"notEquals","compareValue":""},"disableUpdates":false,"type":"text"}},{"type":"shape","id":"d7b0f671-d62d-4895-a46e-d3ea453ee564","elementConfiguration":{"binding":"Form.Manuel_dato","visibility":{"action":"hide","operator":"equals","compareValue":""},"disableUpdates":false,"type":"text"}},{"type":"shape","id":"bfc5a2a1-7c70-46a2-bb5b-a8ca96a33564","elementConfiguration":{"inheritDimensions":"inheritNone","width":"6.05 cm","height":"1.9 cm","binding":"UserProfile.EkstraLogo.ExtraLogoSix_PP_DCU_{{DocumentLanguage}}","disableUpdates":false,"type":"image"}},{"type":"shape","id":"0196425b-f196-480c-b442-bdd6ce51a400","elementConfiguration":{"inheritDimensions":"inheritWidth","width":"1.91 cm","binding":"UserProfile.Office.LogoH_PP_DCU","disableUpdates":false,"type":"image"}},{"type":"shape","id":"b8bd16d5-0d24-4c1c-a633-bc26b555fbfc","elementConfiguration":{"binding":"UserProfile.Office.Virksomhed_{{DocumentLanguage}}","disableUpdates":false,"type":"text"}},{"type":"shape","id":"515c6686-2135-4f22-be17-ba6b6af136c7","elementConfiguration":{"binding":"UserProfile.CenterFreeText","visibility":{"action":"hide","binding":"UserProfile.Centers.CenterUI","operator":"notEquals","compareValue":"Intet valgt"},"disableUpdates":false,"type":"text"}},{"type":"shape","id":"23655a67-fa08-4fa4-8086-3041c87e4341","elementConfiguration":{"binding":"UserProfile.Centers.Center_{{DocumentLanguage}}","visibility":{"action":"hide","binding":"UserProfile.Centers.CenterUI","operator":"equals","compareValue":"Intet valgt"},"disableUpdates":false,"type":"text"}},{"type":"shape","id":"9091aad9-142a-42d4-b718-cab7aec8cbc3","elementConfiguration":{"binding":"Form.PresentationTitle","disableUpdates":false,"type":"text"}},{"type":"shape","id":"01b50187-db73-42e3-b79b-fcbac00db55c","elementConfiguration":{"inheritDimensions":"inheritNone","width":"1.9 cm","height":"1.9 cm","binding":"UserProfile.Office.LogoColor_DCU","disableUpdates":false,"type":"image"}},{"type":"shape","id":"a21db87e-df1e-424b-b476-b98242a22e67","elementConfiguration":{"inheritDimensions":"inheritNone","width":"3.68 cm","height":"1.17 cm","binding":"UserProfile.EkstraLogo.ExtraLogoPPNEGDCU_{{DocumentLanguage}}","disableUpdates":false,"type":"image"}},{"type":"shape","id":"02bac7f2-a7a4-4786-bd48-d5309ac805d5","elementConfiguration":{"inheritDimensions":"inheritNone","width":"2.42 cm","height":"2.5 cm","binding":"UserProfile.EkstraLogo.ExtraLogoFive_PP_DCU_{{DocumentLanguage}}","disableUpdates":false,"type":"image"}},{"type":"shape","id":"c4544215-111c-42b5-8426-745aee754469","elementConfiguration":{"inheritDimensions":"inheritNone","width":"2.42 cm","height":"2.5 cm","binding":"UserProfile.EkstraLogo.ExtraLogoTwo_PP_DCU_{{DocumentLanguage}}","disableUpdates":false,"type":"image"}},{"type":"shape","id":"4498b1f2-99b5-43c3-a9e1-9050904de61d","elementConfiguration":{"binding":"UserProfile.Name","visibility":{"action":"hide","binding":"Form.Manuel_dato","operator":"notEquals","compareValue":""},"disableUpdates":false,"type":"text"}},{"type":"shape","id":"4fe919f8-412a-47b7-80a7-6a6753a95948","elementConfiguration":{"binding":"Form.Manuel_dato","visibility":{"action":"hide","operator":"equals","compareValue":""},"disableUpdates":false,"type":"text"}},{"type":"shape","id":"4317b70a-8664-43df-9f27-c63b08334406","elementConfiguration":{"inheritDimensions":"inheritNone","width":"6.05 cm","height":"1.9 cm","binding":"UserProfile.EkstraLogo.ExtraLogoSix_PP_DCU_{{DocumentLanguage}}","disableUpdates":false,"type":"image"}},{"type":"shape","id":"6296edd8-7c84-436b-adfa-4e71236d791b","elementConfiguration":{"inheritDimensions":"inheritWidth","width":"1.91 cm","binding":"UserProfile.Office.LogoH_PP_DCU","disableUpdates":false,"type":"image"}},{"type":"shape","id":"8bfd71a8-31bf-4991-8623-566d277f5a53","elementConfiguration":{"inheritDimensions":"inheritNone","width":"3.68 cm","height":"1.17 cm","binding":"UserProfile.EkstraLogo.ExtraLogoPPDCU_{{DocumentLanguage}}","disableUpdates":false,"type":"image"}},{"type":"shape","id":"b08390da-997d-4d8d-8702-671e807b3cc7","elementConfiguration":{"binding":"UserProfile.Office.Virksomhed_{{DocumentLanguage}}","disableUpdates":false,"type":"text"}},{"type":"shape","id":"94b58d54-816b-4407-ab77-bf3f7fe72218","elementConfiguration":{"binding":"UserProfile.CenterFreeText","visibility":{"action":"hide","binding":"UserProfile.Centers.CenterUI","operator":"notEquals","compareValue":"Intet valgt"},"disableUpdates":false,"type":"text"}},{"type":"shape","id":"af4e8a02-f53f-4e8c-8f85-e961ae07877b","elementConfiguration":{"binding":"UserProfile.Centers.Center_{{DocumentLanguage}}","visibility":{"action":"hide","binding":"UserProfile.Centers.CenterUI","operator":"equals","compareValue":"Intet valgt"},"disableUpdates":false,"type":"text"}},{"type":"shape","id":"63fb2cd1-69e1-46c5-aeab-c924792f517c","elementConfiguration":{"binding":"Form.PresentationTitle","disableUpdates":false,"type":"text"}},{"type":"shape","id":"919e9ccb-f993-4011-bcfb-ab786ea962fd","elementConfiguration":{"inheritDimensions":"inheritNone","width":"2.42 cm","height":"2.5 cm","binding":"UserProfile.EkstraLogo.ExtraLogoFive_PP_DCU_{{DocumentLanguage}}","disableUpdates":false,"type":"image"}},{"type":"shape","id":"40beffba-9087-4b3f-9cec-61434f5a94d9","elementConfiguration":{"inheritDimensions":"inheritNone","width":"2.42 cm","height":"2.5 cm","binding":"UserProfile.EkstraLogo.ExtraLogoTwo_PP_DCU_{{DocumentLanguage}}","disableUpdates":false,"type":"image"}},{"type":"shape","id":"99e704b6-2d2b-4844-9559-992cc3cc64ef","elementConfiguration":{"binding":"UserProfile.Name","visibility":{"action":"hide","binding":"Form.Manuel_dato","operator":"notEquals","compareValue":""},"disableUpdates":false,"type":"text"}},{"type":"shape","id":"136349f4-0213-4f93-b991-1b6af431942e","elementConfiguration":{"binding":"Form.Manuel_dato","visibility":{"action":"hide","operator":"equals","compareValue":""},"disableUpdates":false,"type":"text"}},{"type":"shape","id":"cb94f19f-4381-47de-b8cb-f46b3492a300","elementConfiguration":{"inheritDimensions":"inheritNone","width":"1.9 cm","height":"19.05 cm","binding":"UserProfile.Office.LogoColor_DCU","disableUpdates":false,"type":"image"}},{"type":"shape","id":"f246a7b0-f85f-498d-b42e-8ddedb3739bc","elementConfiguration":{"inheritDimensions":"inheritNone","width":"6.05 cm","height":"1.9 cm","binding":"UserProfile.EkstraLogo.ExtraLogoSix_PP_DCU_{{DocumentLanguage}}","disableUpdates":false,"type":"image"}},{"type":"shape","id":"9d081cfb-6b18-41be-8617-faad7b7e241b","elementConfiguration":{"inheritDimensions":"inheritWidth","width":"1.91 cm","binding":"UserProfile.Office.LogoH_PP_DCU","disableUpdates":false,"type":"image"}},{"type":"shape","id":"76563229-bf5c-4ac4-af39-3804b1d472ef","elementConfiguration":{"inheritDimensions":"inheritNone","width":"33.89 cm","height":"19.07 cm","binding":"UserProfile.Centers.VaelgKorrektSkabelon169DCU","disableUpdates":false,"type":"image"}},{"type":"shape","id":"7977d043-7111-48bd-83df-1814e826ce3c","elementConfiguration":{"inheritDimensions":"inheritNone","width":"33.89 cm","height":"19.07 cm","binding":"UserProfile.Centers.VaelgKorrektSkabelon169DCU","disableUpdates":false,"type":"image"}},{"type":"shape","id":"697eda80-1fc6-483c-bad8-415373f6c965","elementConfiguration":{"binding":"Form.PresentationTitle","disableUpdates":false,"type":"text"}},{"type":"shape","id":"504fa1bd-9257-4cb4-b88a-b95466244d1e","elementConfiguration":{"binding":"UserProfile.Name","visibility":{"action":"hide","binding":"Form.Manuel_dato","operator":"notEquals","compareValue":""},"disableUpdates":false,"type":"text"}},{"type":"shape","id":"9430049a-aaf4-45a5-b9f1-468b7d135dd9","elementConfiguration":{"inheritDimensions":"inheritNone","width":"3.68 cm","height":"1.17 cm","binding":"UserProfile.EkstraLogo.ExtraLogoPPNEGDCU_{{DocumentLanguage}}","disableUpdates":false,"type":"image"}},{"type":"shape","id":"16e4746b-2e41-483f-8b24-bdd7a272bd08","elementConfiguration":{"inheritDimensions":"inheritNone","width":"2.42 cm","height":"2.5 cm","binding":"UserProfile.EkstraLogo.ExtraLogoFive_PP_DCU_{{DocumentLanguage}}","disableUpdates":false,"type":"image"}},{"type":"shape","id":"e0f1f20b-a0cb-4852-91c3-387df576f2cf","elementConfiguration":{"inheritDimensions":"inheritNone","width":"2.42 cm","height":"2.5 cm","binding":"UserProfile.EkstraLogo.ExtraLogoTwo_PP_DCU_{{DocumentLanguage}}","disableUpdates":false,"type":"image"}},{"type":"shape","id":"143ca034-40e7-498a-9b80-3803b8da44c6","elementConfiguration":{"binding":"UserProfile.Office.Virksomhed_{{DocumentLanguage}}","disableUpdates":false,"type":"text"}},{"type":"shape","id":"6e99a182-6329-4f71-9fbe-234b85027987","elementConfiguration":{"binding":"UserProfile.CenterFreeText","visibility":{"action":"hide","binding":"UserProfile.Centers.CenterUI","operator":"notEquals","compareValue":"Intet valgt"},"disableUpdates":false,"type":"text"}},{"type":"shape","id":"9a45eabb-b1d3-40fd-924a-c84f7565299c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5b60bec9-fb0d-4662-b946-100842ca7893","elementConfiguration":{"binding":"Form.Manuel_dato","visibility":{"action":"hide","operator":"equals","compareValue":""},"disableUpdates":false,"type":"text"}},{"type":"shape","id":"0de942b5-d13e-44a1-a6e8-02ac9f9bd176","elementConfiguration":{"inheritDimensions":"inheritNone","width":"1.9 cm","height":"19.05 cm","binding":"UserProfile.Office.LogoColor_DCU","disableUpdates":false,"type":"image"}},{"type":"shape","id":"226fbd33-5834-4534-ae80-ec07ba2fb051","elementConfiguration":{"inheritDimensions":"inheritNone","width":"6.05 cm","height":"1.9 cm","binding":"UserProfile.EkstraLogo.ExtraLogoSix_PP_DCU_{{DocumentLanguage}}","disableUpdates":false,"type":"image"}},{"type":"shape","id":"3e4491be-762c-4526-a67c-7dc690a6393b","elementConfiguration":{"inheritDimensions":"inheritWidth","width":"1.91 cm","binding":"UserProfile.Office.LogoH_PP_DCU","disableUpdates":false,"type":"image"}},{"type":"shape","id":"0c7628eb-55de-48d9-9b51-106765499d7a","elementConfiguration":{"inheritDimensions":"inheritNone","width":"33.89 cm","height":"19.07 cm","binding":"UserProfile.Centers.VaelgKorrektSkabelon169DCU","disableUpdates":false,"type":"image"}},{"type":"shape","id":"71c41d26-9f12-4464-a9fb-eabbbfa5dac8","elementConfiguration":{"inheritDimensions":"inheritNone","width":"33.89 cm","height":"19.07 cm","binding":"UserProfile.Centers.VaelgKorrektSkabelon169DCU","disableUpdates":false,"type":"image"}},{"type":"shape","id":"446ad4ae-1396-4810-b6d5-841d3697bb7e","elementConfiguration":{"binding":"Form.PresentationTitle","disableUpdates":false,"type":"text"}},{"type":"shape","id":"d348d312-ea4b-49e0-82c5-b86e916f4530","elementConfiguration":{"binding":"UserProfile.Name","visibility":{"action":"hide","binding":"Form.Manuel_dato","operator":"notEquals","compareValue":""},"disableUpdates":false,"type":"text"}},{"type":"shape","id":"f7eaadd5-a341-4f89-b431-9f3acebaef8b","elementConfiguration":{"inheritDimensions":"inheritNone","width":"3.68 cm","height":"1.17 cm","binding":"UserProfile.EkstraLogo.ExtraLogoPPNEGDCU_{{DocumentLanguage}}","disableUpdates":false,"type":"image"}},{"type":"shape","id":"26119518-eb80-438b-84d9-6a17171593d9","elementConfiguration":{"inheritDimensions":"inheritNone","width":"2.42 cm","height":"2.5 cm","binding":"UserProfile.EkstraLogo.ExtraLogoFive_PP_DCU_{{DocumentLanguage}}","disableUpdates":false,"type":"image"}},{"type":"shape","id":"719dbf85-b0b6-4c05-bd0e-49f7a0f11350","elementConfiguration":{"inheritDimensions":"inheritNone","width":"2.42 cm","height":"2.5 cm","binding":"UserProfile.EkstraLogo.ExtraLogoTwo_PP_DCU_{{DocumentLanguage}}","disableUpdates":false,"type":"image"}},{"type":"shape","id":"1b013e05-299d-496d-ba00-58b1079b65c5","elementConfiguration":{"binding":"UserProfile.Office.Virksomhed_{{DocumentLanguage}}","disableUpdates":false,"type":"text"}},{"type":"shape","id":"249e917c-754b-406a-8bfa-13cff669352c","elementConfiguration":{"binding":"UserProfile.CenterFreeText","visibility":{"action":"hide","binding":"UserProfile.Centers.CenterUI","operator":"notEquals","compareValue":"Intet valgt"},"disableUpdates":false,"type":"text"}},{"type":"shape","id":"7c4d611d-0024-4a32-942a-bbca4e626cd7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69813013-aec5-4bf4-a206-a874a4b135ec","elementConfiguration":{"binding":"Form.Manuel_dato","visibility":{"action":"hide","operator":"equals","compareValue":""},"disableUpdates":false,"type":"text"}},{"type":"shape","id":"ea83133c-de60-4bf7-9e6a-a16a0ee1fb14","elementConfiguration":{"inheritDimensions":"inheritNone","width":"1.9 cm","height":"19.05 cm","binding":"UserProfile.Office.LogoColor_DCU","disableUpdates":false,"type":"image"}},{"type":"shape","id":"7232f0ec-2316-45c2-8e46-f1d4d2c688c5","elementConfiguration":{"inheritDimensions":"inheritNone","width":"6.05 cm","height":"1.9 cm","binding":"UserProfile.EkstraLogo.ExtraLogoSix_PP_DCU_{{DocumentLanguage}}","disableUpdates":false,"type":"image"}},{"type":"shape","id":"d436ee2b-044e-41fd-bb65-4e77a283856e","elementConfiguration":{"inheritDimensions":"inheritWidth","width":"1.91 cm","binding":"UserProfile.Office.LogoH_PP_DCU","disableUpdates":false,"type":"image"}},{"type":"shape","id":"1d47b9af-fc00-4210-a4fa-fe4ba0310c13","elementConfiguration":{"binding":"UserProfile.Office.Virksomhed_{{DocumentLanguage}}","disableUpdates":false,"type":"text"}},{"type":"shape","id":"db58de6c-d690-4934-a71f-93fbb486e7be","elementConfiguration":{"binding":"UserProfile.CenterFreeText","visibility":{"action":"hide","binding":"UserProfile.Centers.CenterUI","operator":"notEquals","compareValue":"Intet valgt","compareValues":[""]},"disableUpdates":false,"type":"text"}},{"type":"shape","id":"9fd4c29a-9bd3-4fd4-82db-4199d1ad79fc","elementConfiguration":{"binding":"UserProfile.Centers.Center_{{DocumentLanguage}}","visibility":{"action":"hide","binding":"UserProfile.Centers.CenterUI","operator":"equals","compareValue":"Intet valgt"},"disableUpdates":false,"type":"text"}},{"type":"shape","id":"0d6cee88-f277-4206-8010-c79126a33517","elementConfiguration":{"binding":"Form.PresentationTitle","disableUpdates":false,"type":"text"}},{"type":"shape","id":"bbc5cfe5-ad90-4071-a474-157dd484bb01","elementConfiguration":{"inheritDimensions":"inheritNone","width":"1.9 cm","height":"1.9 cm","binding":"UserProfile.Office.LogoColor_DCU","disableUpdates":false,"type":"image"}},{"type":"shape","id":"2d2cebb5-4469-4523-b9d8-405642d3639a","elementConfiguration":{"inheritDimensions":"inheritNone","width":"3.68 cm","height":"1.17 cm","binding":"UserProfile.EkstraLogo.ExtraLogoPPNEGDCU_{{DocumentLanguage}}","disableUpdates":false,"type":"image"}},{"type":"shape","id":"44a6b364-9d34-49e3-a682-71021c92807a","elementConfiguration":{"inheritDimensions":"inheritNone","width":"2.42 cm","height":"2.5 cm","binding":"UserProfile.EkstraLogo.ExtraLogoFive_PP_DCU_{{DocumentLanguage}}","disableUpdates":false,"type":"image"}},{"type":"shape","id":"c52f0de9-99f6-4ada-b069-2663f7966e2d","elementConfiguration":{"inheritDimensions":"inheritNone","width":"2.42 cm","height":"2.5 cm","binding":"UserProfile.EkstraLogo.ExtraLogoTwo_PP_DCU_{{DocumentLanguage}}","disableUpdates":false,"type":"image"}},{"type":"shape","id":"ae9dbde8-e4a8-40a1-a676-bd358c489d39","elementConfiguration":{"binding":"UserProfile.Name","visibility":{"action":"hide","binding":"Form.Manuel_dato","operator":"notEquals","compareValue":""},"disableUpdates":false,"type":"text"}},{"type":"shape","id":"0a112f3e-75e7-4d0c-8137-3fcee7a8b7df","elementConfiguration":{"binding":"Form.Manuel_dato","visibility":{"action":"hide","operator":"equals","compareValue":""},"disableUpdates":false,"type":"text"}},{"type":"shape","id":"afa6b778-affd-4156-a0ed-edfbad2eb785","elementConfiguration":{"inheritDimensions":"inheritNone","width":"6.05 cm","height":"1.9 cm","binding":"UserProfile.EkstraLogo.ExtraLogoSix_PP_DCU_{{DocumentLanguage}}","disableUpdates":false,"type":"image"}},{"type":"shape","id":"952318ef-860d-47a2-b720-6a856813a205","elementConfiguration":{"inheritDimensions":"inheritWidth","width":"1.91 cm","binding":"UserProfile.Office.LogoH_PP_DCU","disableUpdates":false,"type":"image"}},{"type":"shape","id":"f4c3ca19-3c66-478e-8f01-c5b161d60af3","elementConfiguration":{"binding":"UserProfile.Office.Virksomhed_{{DocumentLanguage}}","disableUpdates":false,"type":"text"}},{"type":"shape","id":"69844017-42b0-4958-8491-661099df0f24","elementConfiguration":{"binding":"UserProfile.CenterFreeText","visibility":{"action":"hide","binding":"UserProfile.Centers.CenterUI","operator":"notEquals","compareValue":"Intet valgt"},"disableUpdates":false,"type":"text"}},{"type":"shape","id":"dd765c6a-9a3c-463f-ab6b-4bc7ff3d8163","elementConfiguration":{"binding":"UserProfile.Centers.Center_{{DocumentLanguage}}","visibility":{"action":"hide","binding":"UserProfile.Centers.CenterUI","operator":"equals","compareValue":"Intet valgt"},"disableUpdates":false,"type":"text"}},{"type":"shape","id":"8df8c01f-f8af-4231-8422-10d328ab3072","elementConfiguration":{"binding":"Form.PresentationTitle","disableUpdates":false,"type":"text"}},{"type":"shape","id":"e1b99ea5-f6c4-458a-8e4e-a9b3a5a10ef8","elementConfiguration":{"inheritDimensions":"inheritNone","width":"1.9 cm","height":"1.9 cm","binding":"UserProfile.Office.LogoColor_DCU","disableUpdates":false,"type":"image"}},{"type":"shape","id":"f5b95673-f15b-4917-98eb-0374a3dfc4b1","elementConfiguration":{"inheritDimensions":"inheritNone","width":"3.68 cm","height":"1.17 cm","binding":"UserProfile.EkstraLogo.ExtraLogoPPNEGDCU_{{DocumentLanguage}}","disableUpdates":false,"type":"image"}},{"type":"shape","id":"2420d70d-8d8f-4bf1-a30c-c85102031220","elementConfiguration":{"inheritDimensions":"inheritNone","width":"2.42 cm","height":"2.5 cm","binding":"UserProfile.EkstraLogo.ExtraLogoFive_PP_DCU_{{DocumentLanguage}}","disableUpdates":false,"type":"image"}},{"type":"shape","id":"4ca160b6-da6f-49c3-9bde-bcbd54cf2866","elementConfiguration":{"inheritDimensions":"inheritNone","width":"2.42 cm","height":"2.5 cm","binding":"UserProfile.EkstraLogo.ExtraLogoTwo_PP_DCU_{{DocumentLanguage}}","disableUpdates":false,"type":"image"}},{"type":"shape","id":"2453cc50-166c-43eb-a6ad-f9d5c1691787","elementConfiguration":{"binding":"UserProfile.Name","visibility":{"action":"hide","binding":"Form.Manuel_dato","operator":"notEquals","compareValue":""},"disableUpdates":false,"type":"text"}},{"type":"shape","id":"17fbc6ed-b701-40d7-868e-01e8e82f784a","elementConfiguration":{"binding":"Form.Manuel_dato","visibility":{"action":"hide","operator":"equals","compareValue":""},"disableUpdates":false,"type":"text"}},{"type":"shape","id":"4366b039-0fb8-47f1-98ae-89a1c7663d5f","elementConfiguration":{"inheritDimensions":"inheritNone","width":"6.05 cm","height":"1.9 cm","binding":"UserProfile.EkstraLogo.ExtraLogoSix_PP_DCU_{{DocumentLanguage}}","disableUpdates":false,"type":"image"}},{"type":"shape","id":"4600bac0-e313-4c6a-9ba2-e2000c08b481","elementConfiguration":{"inheritDimensions":"inheritWidth","width":"1.91 cm","binding":"UserProfile.Office.LogoH_PP_DCU","disableUpdates":false,"type":"image"}},{"type":"shape","id":"f3c4c311-32ec-4219-ad92-39e5486bb148","elementConfiguration":{"binding":"UserProfile.Office.Virksomhed_{{DocumentLanguage}}","disableUpdates":false,"type":"text"}},{"type":"shape","id":"a2cbbb5a-c5f6-4ac0-bd04-18ddcec0063b","elementConfiguration":{"binding":"UserProfile.CenterFreeText","visibility":{"action":"hide","binding":"UserProfile.Centers.CenterUI","operator":"notEquals","compareValue":"Intet valgt"},"disableUpdates":false,"type":"text"}},{"type":"shape","id":"afd847e4-747a-4bce-a473-f99e1c6055ed","elementConfiguration":{"binding":"UserProfile.Centers.Center_{{DocumentLanguage}}","visibility":{"action":"hide","binding":"UserProfile.Centers.CenterUI","operator":"equals","compareValue":"Intet valgt"},"disableUpdates":false,"type":"text"}},{"type":"shape","id":"d543942e-fe39-4a2b-9141-100cb0245def","elementConfiguration":{"binding":"Form.PresentationTitle","disableUpdates":false,"type":"text"}},{"type":"shape","id":"2ed24133-4905-4daf-98c5-28f741589695","elementConfiguration":{"inheritDimensions":"inheritNone","width":"1.9 cm","height":"1.9 cm","binding":"UserProfile.Office.LogoColor_DCU","disableUpdates":false,"type":"image"}},{"type":"shape","id":"2338af42-a313-44a7-979a-34f5334c696a","elementConfiguration":{"inheritDimensions":"inheritNone","width":"3.68 cm","height":"1.17 cm","binding":"UserProfile.EkstraLogo.ExtraLogoPPNEGDCU_{{DocumentLanguage}}","disableUpdates":false,"type":"image"}},{"type":"shape","id":"2a0cdc8b-a866-4efe-acca-9ca930e20a26","elementConfiguration":{"inheritDimensions":"inheritNone","width":"2.42 cm","height":"2.5 cm","binding":"UserProfile.EkstraLogo.ExtraLogoFive_PP_DCU_{{DocumentLanguage}}","disableUpdates":false,"type":"image"}},{"type":"shape","id":"496dadf6-4d78-45b9-a0b0-25ca7f75ebd2","elementConfiguration":{"inheritDimensions":"inheritNone","width":"2.42 cm","height":"2.5 cm","binding":"UserProfile.EkstraLogo.ExtraLogoTwo_PP_DCU_{{DocumentLanguage}}","disableUpdates":false,"type":"image"}},{"type":"shape","id":"1f981b4c-0648-40c0-8a47-a11ab4fa2b84","elementConfiguration":{"binding":"UserProfile.Name","visibility":{"action":"hide","binding":"Form.Manuel_dato","operator":"notEquals","compareValue":""},"disableUpdates":false,"type":"text"}},{"type":"shape","id":"4b8c25c4-6202-4f51-a574-d9ed300a626b","elementConfiguration":{"binding":"Form.Manuel_dato","visibility":{"action":"hide","operator":"equals","compareValue":""},"disableUpdates":false,"type":"text"}},{"type":"shape","id":"b6554ed2-4d0f-4a00-b3c9-98302a95c063","elementConfiguration":{"inheritDimensions":"inheritNone","width":"6.05 cm","height":"1.9 cm","binding":"UserProfile.EkstraLogo.ExtraLogoSix_PP_DCU_{{DocumentLanguage}}","disableUpdates":false,"type":"image"}},{"type":"shape","id":"07b609fd-0bd6-45de-863c-9170ae54280a","elementConfiguration":{"inheritDimensions":"inheritWidth","width":"1.91 cm","binding":"UserProfile.Office.LogoH_PP_DCU","disableUpdates":false,"type":"image"}},{"type":"shape","id":"7c1f33e8-37fc-46ce-b751-5c439b33217b","elementConfiguration":{"inheritDimensions":"inheritNone","width":"1.9 cm","height":"19.05 cm","binding":"UserProfile.Office.LogoColor_DCU","disableUpdates":false,"type":"image"}},{"type":"shape","id":"2ab4853f-56ba-4e05-b226-5e4f820891c5","elementConfiguration":{"inheritDimensions":"inheritNone","width":"3.68 cm","height":"1.17 cm","binding":"UserProfile.EkstraLogo.ExtraLogoPPNEGDCU_{{DocumentLanguage}}","disableUpdates":false,"type":"image"}},{"type":"shape","id":"f303a6d0-03f9-4be8-88db-c0c8f9395ce3","elementConfiguration":{"binding":"UserProfile.Office.Virksomhed_{{DocumentLanguage}}","disableUpdates":false,"type":"text"}},{"type":"shape","id":"0f60d9ec-b51c-4ec3-9a31-6185d9e19128","elementConfiguration":{"binding":"UserProfile.CenterFreeText","visibility":{"action":"hide","binding":"UserProfile.Centers.CenterUI","operator":"notEquals","compareValue":"Intet valgt","compareValues":[""]},"disableUpdates":false,"type":"text"}},{"type":"shape","id":"3aa74c06-9a95-477a-8ee1-381c92eb108c","elementConfiguration":{"binding":"UserProfile.Centers.Center_{{DocumentLanguage}}","visibility":{"action":"hide","binding":"UserProfile.Centers.CenterUI","operator":"equals","compareValue":"Intet valgt"},"disableUpdates":false,"type":"text"}},{"type":"shape","id":"2bccb364-6bdd-46d6-b5c3-6e643b33522c","elementConfiguration":{"binding":"Form.PresentationTitle","disableUpdates":false,"type":"text"}},{"type":"shape","id":"6e70233f-5599-4609-a6d2-eafc9458700b","elementConfiguration":{"inheritDimensions":"inheritNone","width":"2.42 cm","height":"2.5 cm","binding":"UserProfile.EkstraLogo.ExtraLogoFive_PP_DCU_{{DocumentLanguage}}","disableUpdates":false,"type":"image"}},{"type":"shape","id":"bbfb6935-ba02-44d9-986c-cfbcced1e2f7","elementConfiguration":{"inheritDimensions":"inheritNone","width":"2.42 cm","height":"2.5 cm","binding":"UserProfile.EkstraLogo.ExtraLogoTwo_PP_DCU_{{DocumentLanguage}}","disableUpdates":false,"type":"image"}},{"type":"shape","id":"51bf5c3c-9c4d-4126-8aa5-53758def6611","elementConfiguration":{"binding":"UserProfile.Name","visibility":{"action":"hide","binding":"Form.Manuel_dato","operator":"notEquals","compareValue":""},"disableUpdates":false,"type":"text"}},{"type":"shape","id":"869ba100-da58-416d-9b89-0fb4dceae5ff","elementConfiguration":{"binding":"Form.Manuel_dato","visibility":{"action":"hide","operator":"equals","compareValue":""},"disableUpdates":false,"type":"text"}},{"type":"shape","id":"9d447cf4-7906-4557-b8b9-94cdcaf37e32","elementConfiguration":{"inheritDimensions":"inheritNone","width":"6.05 cm","height":"1.9 cm","binding":"UserProfile.EkstraLogo.ExtraLogoSixNEG_PP_DCU_{{DocumentLanguage}}","disableUpdates":false,"type":"image"}},{"type":"shape","id":"4b0ef3d4-b834-42e8-88de-00e9ccfcbe71","elementConfiguration":{"inheritDimensions":"inheritWidth","width":"1.91 cm","binding":"UserProfile.Office.LogoH_PP_DCU","disableUpdates":false,"type":"image"}},{"type":"shape","id":"7233d392-fd7f-4cb5-9070-21b414c7b19a","elementConfiguration":{"binding":"UserProfile.Office.Virksomhed_{{DocumentLanguage}}","disableUpdates":false,"type":"text"}},{"type":"shape","id":"d68d9d28-1452-4772-ac41-5c46c07c5641","elementConfiguration":{"binding":"UserProfile.CenterFreeText","visibility":{"action":"hide","binding":"UserProfile.Centers.CenterUI","operator":"notEquals","compareValue":"Intet valgt"},"disableUpdates":false,"type":"text"}},{"type":"shape","id":"c959fcaf-9a74-406b-9187-ff8e05d3474a","elementConfiguration":{"binding":"UserProfile.Centers.Center_{{DocumentLanguage}}","visibility":{"action":"hide","binding":"UserProfile.Centers.CenterUI","operator":"equals","compareValue":"Intet valgt"},"disableUpdates":false,"type":"text"}},{"type":"shape","id":"cbecb81e-6ace-4758-82c6-f2db0c1bae93","elementConfiguration":{"binding":"Form.PresentationTitle","disableUpdates":false,"type":"text"}},{"type":"shape","id":"b14cb6fa-605f-4087-802b-0c1b6b577d00","elementConfiguration":{"inheritDimensions":"inheritNone","width":"1.9 cm","height":"1.9 cm","binding":"UserProfile.Office.LogoColor_DCU","disableUpdates":false,"type":"image"}},{"type":"shape","id":"53e7c67f-776b-46b3-ae11-7eaf30e1a126","elementConfiguration":{"inheritDimensions":"inheritNone","width":"3.68 cm","height":"1.17 cm","binding":"UserProfile.EkstraLogo.ExtraLogoPPNEGDCU_{{DocumentLanguage}}","disableUpdates":false,"type":"image"}},{"type":"shape","id":"34fc1151-1993-4800-bbba-9055cd15856c","elementConfiguration":{"inheritDimensions":"inheritNone","width":"2.42 cm","height":"2.5 cm","binding":"UserProfile.EkstraLogo.ExtraLogoFive_PP_DCU_{{DocumentLanguage}}","disableUpdates":false,"type":"image"}},{"type":"shape","id":"4b5a62ab-d062-4869-83ad-e954f212fddf","elementConfiguration":{"inheritDimensions":"inheritNone","width":"2.42 cm","height":"2.5 cm","binding":"UserProfile.EkstraLogo.ExtraLogoTwo_PP_DCU_{{DocumentLanguage}}","disableUpdates":false,"type":"image"}},{"type":"shape","id":"5267a365-7780-4847-9bc1-f749841914a9","elementConfiguration":{"binding":"UserProfile.Name","visibility":{"action":"hide","binding":"Form.Manuel_dato","operator":"notEquals","compareValue":""},"disableUpdates":false,"type":"text"}},{"type":"shape","id":"58b888e5-941c-4ebf-aff2-1146c344a7d0","elementConfiguration":{"binding":"Form.Manuel_dato","visibility":{"action":"hide","operator":"equals","compareValue":""},"disableUpdates":false,"type":"text"}},{"type":"shape","id":"848491e4-0aaf-4df7-9e50-23a724b53f81","elementConfiguration":{"inheritDimensions":"inheritNone","width":"6.05 cm","height":"1.9 cm","binding":"UserProfile.EkstraLogo.ExtraLogoSix_PP_DCU_{{DocumentLanguage}}","disableUpdates":false,"type":"image"}},{"type":"shape","id":"a4a9e568-09c1-40e7-85a1-b0a40a025925","elementConfiguration":{"inheritDimensions":"inheritWidth","width":"1.91 cm","binding":"UserProfile.Office.LogoH_PP_DCU","disableUpdates":false,"type":"image"}},{"type":"shape","id":"60502fdf-9d58-41d3-bc93-68e6e82f4bd0","elementConfiguration":{"inheritDimensions":"inheritNone","width":"3.68 cm","height":"1.17 cm","binding":"UserProfile.EkstraLogo.ExtraLogoPPDCU_{{DocumentLanguage}}","disableUpdates":false,"type":"image"}},{"type":"shape","id":"866e9a0e-821e-4c19-aec0-e742a92eefd6","elementConfiguration":{"binding":"UserProfile.Office.Virksomhed_{{DocumentLanguage}}","disableUpdates":false,"type":"text"}},{"type":"shape","id":"4b17f204-93b9-4153-9a74-ce5bfa6a37a2","elementConfiguration":{"binding":"UserProfile.CenterFreeText","visibility":{"action":"hide","binding":"UserProfile.Centers.CenterUI","operator":"notEquals","compareValue":"Intet valgt"},"disableUpdates":false,"type":"text"}},{"type":"shape","id":"94a2e381-4ef5-4f56-8003-0463506b8ff1","elementConfiguration":{"binding":"UserProfile.Centers.Center_{{DocumentLanguage}}","visibility":{"action":"hide","binding":"UserProfile.Centers.CenterUI","operator":"equals","compareValue":"Intet valgt"},"disableUpdates":false,"type":"text"}},{"type":"shape","id":"115fb91e-d8f4-4687-b835-b9d7e7b5ce9e","elementConfiguration":{"binding":"Form.PresentationTitle","disableUpdates":false,"type":"text"}},{"type":"shape","id":"07d6a404-3dfe-4d36-bbcc-d7c16c8b9e47","elementConfiguration":{"inheritDimensions":"inheritNone","width":"2.42 cm","height":"2.5 cm","binding":"UserProfile.EkstraLogo.ExtraLogoFive_PP_DCU_{{DocumentLanguage}}","disableUpdates":false,"type":"image"}},{"type":"shape","id":"c8709d57-73be-4a67-820e-cadbbd5cd807","elementConfiguration":{"inheritDimensions":"inheritNone","width":"2.42 cm","height":"2.5 cm","binding":"UserProfile.EkstraLogo.ExtraLogoTwo_PP_DCU_{{DocumentLanguage}}","disableUpdates":false,"type":"image"}},{"type":"shape","id":"0006aa29-55f1-4a65-b5f1-0edc1376a1c1","elementConfiguration":{"binding":"UserProfile.Name","visibility":{"action":"hide","binding":"Form.Manuel_dato","operator":"notEquals","compareValue":""},"disableUpdates":false,"type":"text"}},{"type":"shape","id":"74a4b897-45bb-4cf2-a366-50cca912a51e","elementConfiguration":{"binding":"Form.Manuel_dato","visibility":{"action":"hide","operator":"equals","compareValue":""},"disableUpdates":false,"type":"text"}},{"type":"shape","id":"20542744-7dc9-4f77-9af6-c031b27f739b","elementConfiguration":{"inheritDimensions":"inheritNone","width":"1.9 cm","height":"19.05 cm","binding":"UserProfile.Office.LogoColor_DCU","disableUpdates":false,"type":"image"}},{"type":"shape","id":"24a2ecbe-6b4f-4a2d-af91-2ee2d5587a45","elementConfiguration":{"inheritDimensions":"inheritNone","width":"6.05 cm","height":"1.9 cm","binding":"UserProfile.EkstraLogo.ExtraLogoSix_PP_DCU_{{DocumentLanguage}}","disableUpdates":false,"type":"image"}},{"type":"shape","id":"48f66deb-f5a2-42e1-8262-e51c66ed5d64","elementConfiguration":{"inheritDimensions":"inheritWidth","width":"1.91 cm","binding":"UserProfile.Office.LogoH_PP_DCU","disableUpdates":false,"type":"image"}},{"type":"shape","id":"fba4d398-4085-4b8f-b6a2-300afeeedcb5","elementConfiguration":{"binding":"UserProfile.Office.Virksomhed_{{DocumentLanguage}}","disableUpdates":false,"type":"text"}},{"type":"shape","id":"32f6d567-4e7a-43f2-b8c8-c1430c338314","elementConfiguration":{"binding":"UserProfile.CenterFreeText","visibility":{"action":"hide","binding":"UserProfile.Centers.CenterUI","operator":"notEquals","compareValue":"Intet valgt"},"disableUpdates":false,"type":"text"}},{"type":"shape","id":"580c1b45-ae8c-4a83-ac1e-4eb9c4483fed","elementConfiguration":{"binding":"UserProfile.Centers.Center_{{DocumentLanguage}}","visibility":{"action":"hide","binding":"UserProfile.Centers.CenterUI","operator":"equals","compareValue":"Intet valgt"},"disableUpdates":false,"type":"text"}},{"type":"shape","id":"9357bfe7-3fb0-417b-aec1-0c0374a55cc7","elementConfiguration":{"binding":"Form.PresentationTitle","disableUpdates":false,"type":"text"}},{"type":"shape","id":"14ceb02d-e8cb-45e5-a460-42bb5d639848","elementConfiguration":{"inheritDimensions":"inheritNone","width":"1.9 cm","height":"1.9 cm","binding":"UserProfile.Office.LogoColor_DCU","disableUpdates":false,"type":"image"}},{"type":"shape","id":"47f95670-5243-4481-b2fe-893f6e0e406d","elementConfiguration":{"inheritDimensions":"inheritNone","width":"3.68 cm","height":"1.17 cm","binding":"UserProfile.EkstraLogo.ExtraLogoPPNEGDCU_{{DocumentLanguage}}","disableUpdates":false,"type":"image"}},{"type":"shape","id":"095dec7a-7768-4d8a-aeb1-375573cbdf59","elementConfiguration":{"inheritDimensions":"inheritNone","width":"2.42 cm","height":"2.5 cm","binding":"UserProfile.EkstraLogo.ExtraLogoFive_PP_DCU_{{DocumentLanguage}}","disableUpdates":false,"type":"image"}},{"type":"shape","id":"b59f5f38-a41f-4741-95e0-9601137f3a1d","elementConfiguration":{"inheritDimensions":"inheritNone","width":"2.42 cm","height":"2.5 cm","binding":"UserProfile.EkstraLogo.ExtraLogoTwo_PP_DCU_{{DocumentLanguage}}","disableUpdates":false,"type":"image"}},{"type":"shape","id":"5f6fbc67-d8f8-4628-aa4a-39920711a833","elementConfiguration":{"binding":"UserProfile.Name","visibility":{"action":"hide","binding":"Form.Manuel_dato","operator":"notEquals","compareValue":""},"disableUpdates":false,"type":"text"}},{"type":"shape","id":"792ba6ea-73b7-4487-8772-42b878567b36","elementConfiguration":{"binding":"Form.Manuel_dato","visibility":{"action":"hide","operator":"equals","compareValue":""},"disableUpdates":false,"type":"text"}},{"type":"shape","id":"ddecd6e2-e657-479b-bc57-ced27fe178df","elementConfiguration":{"inheritDimensions":"inheritNone","width":"6.05 cm","height":"1.9 cm","binding":"UserProfile.EkstraLogo.ExtraLogoSix_PP_DCU_{{DocumentLanguage}}","disableUpdates":false,"type":"image"}},{"type":"shape","id":"38587749-23c1-4d4e-98e9-d15e51098994","elementConfiguration":{"inheritDimensions":"inheritWidth","width":"1.91 cm","binding":"UserProfile.Office.LogoH_PP_DCU","disableUpdates":false,"type":"image"}},{"type":"shape","id":"ca3cf02c-a491-442a-b163-746a5594781c","elementConfiguration":{"inheritDimensions":"inheritNone","width":"1.9 cm","height":"1.9 cm","binding":"UserProfile.Office.LogoColor_DCU","disableUpdates":false,"type":"image"}},{"type":"shape","id":"7413edb1-2f38-4cdb-8164-00be6a558281","elementConfiguration":{"binding":"UserProfile.Office.Virksomhed_{{DocumentLanguage}}","disableUpdates":false,"type":"text"}},{"type":"shape","id":"fa6ca678-056d-4ebf-8f54-dc8220418703","elementConfiguration":{"binding":"UserProfile.CenterFreeText","visibility":{"action":"hide","binding":"UserProfile.Centers.CenterUI","operator":"notEquals","compareValue":"Intet valgt"},"disableUpdates":false,"type":"text"}},{"type":"shape","id":"9ef26406-4784-4d4e-9dcf-196771257720","elementConfiguration":{"binding":"UserProfile.Centers.Center_{{DocumentLanguage}}","visibility":{"action":"hide","binding":"UserProfile.Centers.CenterUI","operator":"equals","compareValue":"Intet valgt"},"disableUpdates":false,"type":"text"}},{"type":"shape","id":"d1aa6baf-4116-4204-a29e-46058e97d2e6","elementConfiguration":{"binding":"Form.PresentationTitle","disableUpdates":false,"type":"text"}},{"type":"shape","id":"2bf52856-7372-4f0f-8527-09350d7f5e46","elementConfiguration":{"inheritDimensions":"inheritNone","width":"3.68 cm","height":"1.17 cm","binding":"UserProfile.EkstraLogo.ExtraLogoPPNEGDCU_{{DocumentLanguage}}","disableUpdates":false,"type":"image"}},{"type":"shape","id":"ed23f98b-0f33-41cd-a70a-b42c7061121f","elementConfiguration":{"inheritDimensions":"inheritNone","width":"2.42 cm","height":"2.5 cm","binding":"UserProfile.EkstraLogo.ExtraLogoFive_PP_DCU_{{DocumentLanguage}}","disableUpdates":false,"type":"image"}},{"type":"shape","id":"4df18dbd-1a2f-4d9f-b18f-0503238b9049","elementConfiguration":{"inheritDimensions":"inheritNone","width":"2.42 cm","height":"2.5 cm","binding":"UserProfile.EkstraLogo.ExtraLogoTwo_PP_DCU_{{DocumentLanguage}}","disableUpdates":false,"type":"image"}},{"type":"shape","id":"58056ef6-f860-42bf-84fe-374c5ad03fff","elementConfiguration":{"binding":"UserProfile.Name","visibility":{"action":"hide","binding":"Form.Manuel_dato","operator":"notEquals","compareValue":""},"disableUpdates":false,"type":"text"}},{"type":"shape","id":"225879a7-3705-48a0-a511-756ec5260a2c","elementConfiguration":{"binding":"Form.Manuel_dato","visibility":{"action":"hide","operator":"equals","compareValue":""},"disableUpdates":false,"type":"text"}},{"type":"shape","id":"69abb59e-5bd5-4599-816d-7b8bf87c78fb","elementConfiguration":{"inheritDimensions":"inheritNone","width":"6.05 cm","height":"1.9 cm","binding":"UserProfile.EkstraLogo.ExtraLogoSix_PP_DCU_{{DocumentLanguage}}","disableUpdates":false,"type":"image"}},{"type":"shape","id":"9599fb54-9a74-43a8-9e81-756d7ea73a83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73038323624315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BE8F26EB-1153-4B98-AAC3-D117DA0F337D}">
  <ds:schemaRefs/>
</ds:datastoreItem>
</file>

<file path=customXml/itemProps10.xml><?xml version="1.0" encoding="utf-8"?>
<ds:datastoreItem xmlns:ds="http://schemas.openxmlformats.org/officeDocument/2006/customXml" ds:itemID="{E53D1538-2B10-42E3-B3A2-D052B27F0EF7}">
  <ds:schemaRefs/>
</ds:datastoreItem>
</file>

<file path=customXml/itemProps2.xml><?xml version="1.0" encoding="utf-8"?>
<ds:datastoreItem xmlns:ds="http://schemas.openxmlformats.org/officeDocument/2006/customXml" ds:itemID="{B518EF32-D7ED-4D8E-80D0-C33C01DB34BB}">
  <ds:schemaRefs/>
</ds:datastoreItem>
</file>

<file path=customXml/itemProps3.xml><?xml version="1.0" encoding="utf-8"?>
<ds:datastoreItem xmlns:ds="http://schemas.openxmlformats.org/officeDocument/2006/customXml" ds:itemID="{B0D2E709-FA3C-4E2D-A1F5-DD257C406372}">
  <ds:schemaRefs/>
</ds:datastoreItem>
</file>

<file path=customXml/itemProps4.xml><?xml version="1.0" encoding="utf-8"?>
<ds:datastoreItem xmlns:ds="http://schemas.openxmlformats.org/officeDocument/2006/customXml" ds:itemID="{978984FF-6C25-4FD4-85EA-2F9586C8CA61}">
  <ds:schemaRefs/>
</ds:datastoreItem>
</file>

<file path=customXml/itemProps5.xml><?xml version="1.0" encoding="utf-8"?>
<ds:datastoreItem xmlns:ds="http://schemas.openxmlformats.org/officeDocument/2006/customXml" ds:itemID="{7200C2A8-2F34-4CEB-AC93-8D1E85273CDA}">
  <ds:schemaRefs/>
</ds:datastoreItem>
</file>

<file path=customXml/itemProps6.xml><?xml version="1.0" encoding="utf-8"?>
<ds:datastoreItem xmlns:ds="http://schemas.openxmlformats.org/officeDocument/2006/customXml" ds:itemID="{026957DE-A263-4C3E-96D4-107DEBA1D471}">
  <ds:schemaRefs/>
</ds:datastoreItem>
</file>

<file path=customXml/itemProps7.xml><?xml version="1.0" encoding="utf-8"?>
<ds:datastoreItem xmlns:ds="http://schemas.openxmlformats.org/officeDocument/2006/customXml" ds:itemID="{5DFC8546-DDC8-489F-B7A8-6D524B97984E}">
  <ds:schemaRefs/>
</ds:datastoreItem>
</file>

<file path=customXml/itemProps8.xml><?xml version="1.0" encoding="utf-8"?>
<ds:datastoreItem xmlns:ds="http://schemas.openxmlformats.org/officeDocument/2006/customXml" ds:itemID="{1D7E9E62-33BB-4D1B-A60A-11F6213652CE}">
  <ds:schemaRefs/>
</ds:datastoreItem>
</file>

<file path=customXml/itemProps9.xml><?xml version="1.0" encoding="utf-8"?>
<ds:datastoreItem xmlns:ds="http://schemas.openxmlformats.org/officeDocument/2006/customXml" ds:itemID="{7FA764BE-93AE-4A1F-94F8-EB73EE3F6FA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561</Words>
  <Application>Microsoft Office PowerPoint</Application>
  <PresentationFormat>Widescreen</PresentationFormat>
  <Paragraphs>66</Paragraphs>
  <Slides>6</Slides>
  <Notes>5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9" baseType="lpstr">
      <vt:lpstr>3</vt:lpstr>
      <vt:lpstr>Arial</vt:lpstr>
      <vt:lpstr>REGION H Hospital PowerPoint Skabelon_DKfinal</vt:lpstr>
      <vt:lpstr>Status på arbejdet med 10-årsplan for mental sundhed og psykiske lidelser </vt:lpstr>
      <vt:lpstr>Længe ventet… </vt:lpstr>
      <vt:lpstr>PowerPoint-præsentation</vt:lpstr>
      <vt:lpstr>Status på arbejdet</vt:lpstr>
      <vt:lpstr>Hovedfokus i drøftelserne</vt:lpstr>
      <vt:lpstr>De regionale kernebudskaber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1-05-20T12:43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2-20T15:06:21.693469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7438900793399084</vt:lpwstr>
  </property>
  <property fmtid="{D5CDD505-2E9C-101B-9397-08002B2CF9AE}" pid="7" name="TemplafyLanguageCode">
    <vt:lpwstr>da-DK</vt:lpwstr>
  </property>
</Properties>
</file>